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9"/>
  </p:notesMasterIdLst>
  <p:handoutMasterIdLst>
    <p:handoutMasterId r:id="rId10"/>
  </p:handoutMasterIdLst>
  <p:sldIdLst>
    <p:sldId id="299" r:id="rId2"/>
    <p:sldId id="330" r:id="rId3"/>
    <p:sldId id="334" r:id="rId4"/>
    <p:sldId id="325" r:id="rId5"/>
    <p:sldId id="335" r:id="rId6"/>
    <p:sldId id="339" r:id="rId7"/>
    <p:sldId id="337" r:id="rId8"/>
  </p:sldIdLst>
  <p:sldSz cx="9144000" cy="6858000" type="screen4x3"/>
  <p:notesSz cx="6807200" cy="9939338"/>
  <p:custDataLst>
    <p:tags r:id="rId11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0000E1"/>
    <a:srgbClr val="FFFFFF"/>
    <a:srgbClr val="B8D6E3"/>
    <a:srgbClr val="FFF2CC"/>
    <a:srgbClr val="C2DCE7"/>
    <a:srgbClr val="DFE8EF"/>
    <a:srgbClr val="D4E3ED"/>
    <a:srgbClr val="E9F0F3"/>
    <a:srgbClr val="C3DCE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637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handoutMaster" Target="handoutMasters/handoutMaster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每個三角形的面積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組合圖中大正方形的邊長和小正方形的面積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計算小正方形的邊長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找出三角形底和高分別與兩個正方形邊長的關係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③</a:t>
            </a:r>
            <a:r>
              <a:rPr lang="zh-CN" altLang="en-US" sz="12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最後</a:t>
            </a:r>
            <a:r>
              <a:rPr lang="zh-CN" altLang="en-US" dirty="0"/>
              <a:t>計算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5321259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立體的體積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立體圖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先觀察上圖立體，</a:t>
            </a:r>
            <a:endParaRPr lang="en-US" altLang="zh-CN" sz="12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 lvl="0">
              <a:defRPr/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②再考慮用填補法把上圖填補成長方體，</a:t>
            </a:r>
            <a:endParaRPr lang="en-US" altLang="zh-CN" sz="12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 lvl="0">
              <a:defRPr/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③再分別求長方體和正方體的體積，</a:t>
            </a:r>
            <a:endParaRPr lang="en-US" altLang="zh-CN" sz="12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 lvl="0">
              <a:defRPr/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④最後計算立體的體積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4055192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該盒子的底部的圖樣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①一個正方體盒子的摺紙圖樣；</a:t>
            </a:r>
            <a:endParaRPr lang="en-US" altLang="zh-CN" sz="12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②盒子的頂部的圖樣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找出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盒子的頂部的圖樣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固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盒子的頂部的圖樣摺一摺。</a:t>
            </a:r>
            <a:endParaRPr lang="en-US" altLang="zh-CN" dirty="0"/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4763492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判斷</a:t>
            </a:r>
            <a:r>
              <a:rPr lang="en-US" altLang="zh-CN" dirty="0"/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短膠棒和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是否能製作一個三角柱的支架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en-US" altLang="zh-CN" dirty="0"/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短膠棒和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畫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一個三角柱支架的草圖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數出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一個三角柱支架所需要膠棒和膠珠的數量</a:t>
            </a:r>
            <a:r>
              <a:rPr lang="zh-CN" altLang="en-US" dirty="0"/>
              <a:t>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5460423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畫出該長方體的摺紙圖樣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長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畫出長方體的草圖；</a:t>
            </a:r>
            <a:endParaRPr lang="en-US" altLang="zh-CN" sz="12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600"/>
              </a:lnSpc>
            </a:pP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②再確定每個面的邊的長度；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③再把長方體相對的兩個面分別塗上相同的顏色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④再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剪開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⑤最後畫出該長方體的摺紙圖樣</a:t>
            </a:r>
            <a:r>
              <a:rPr lang="zh-CN" altLang="en-US" dirty="0"/>
              <a:t>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8703701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畫出該長方體的摺紙圖樣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長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畫出長方體的草圖；</a:t>
            </a:r>
            <a:endParaRPr lang="en-US" altLang="zh-CN" sz="12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600"/>
              </a:lnSpc>
            </a:pP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②再確定每個面的邊的長度；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③再把長方體相對的兩個面分別塗上相同的顏色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④再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剪開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⑤最後畫出該長方體的摺紙圖樣</a:t>
            </a:r>
            <a:r>
              <a:rPr lang="zh-CN" altLang="en-US" dirty="0"/>
              <a:t>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88312602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85629112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260787" y="68052"/>
            <a:ext cx="291572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學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年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13" Type="http://schemas.microsoft.com/office/2007/relationships/hdphoto" Target="../media/hdphoto7.wdp"/><Relationship Id="rId3" Type="http://schemas.openxmlformats.org/officeDocument/2006/relationships/notesSlide" Target="../notesSlides/notesSlide3.xml"/><Relationship Id="rId7" Type="http://schemas.microsoft.com/office/2007/relationships/hdphoto" Target="../media/hdphoto4.wdp"/><Relationship Id="rId12" Type="http://schemas.openxmlformats.org/officeDocument/2006/relationships/image" Target="../media/image9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6.png"/><Relationship Id="rId11" Type="http://schemas.microsoft.com/office/2007/relationships/hdphoto" Target="../media/hdphoto6.wdp"/><Relationship Id="rId5" Type="http://schemas.microsoft.com/office/2007/relationships/hdphoto" Target="../media/hdphoto3.wdp"/><Relationship Id="rId15" Type="http://schemas.microsoft.com/office/2007/relationships/hdphoto" Target="../media/hdphoto8.wdp"/><Relationship Id="rId10" Type="http://schemas.openxmlformats.org/officeDocument/2006/relationships/image" Target="../media/image8.png"/><Relationship Id="rId4" Type="http://schemas.openxmlformats.org/officeDocument/2006/relationships/image" Target="../media/image5.png"/><Relationship Id="rId9" Type="http://schemas.microsoft.com/office/2007/relationships/hdphoto" Target="../media/hdphoto5.wdp"/><Relationship Id="rId1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microsoft.com/office/2007/relationships/hdphoto" Target="../media/hdphoto9.wdp"/><Relationship Id="rId4" Type="http://schemas.openxmlformats.org/officeDocument/2006/relationships/image" Target="../media/image1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microsoft.com/office/2007/relationships/hdphoto" Target="../media/hdphoto9.wdp"/><Relationship Id="rId4" Type="http://schemas.openxmlformats.org/officeDocument/2006/relationships/image" Target="../media/image1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5" Type="http://schemas.microsoft.com/office/2007/relationships/hdphoto" Target="../media/hdphoto9.wdp"/><Relationship Id="rId4" Type="http://schemas.openxmlformats.org/officeDocument/2006/relationships/image" Target="../media/image1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5" Type="http://schemas.microsoft.com/office/2007/relationships/hdphoto" Target="../media/hdphoto10.wdp"/><Relationship Id="rId4" Type="http://schemas.openxmlformats.org/officeDocument/2006/relationships/image" Target="../media/image1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D1225E7A-3578-478D-9281-E86AD3275193}"/>
              </a:ext>
            </a:extLst>
          </p:cNvPr>
          <p:cNvSpPr/>
          <p:nvPr/>
        </p:nvSpPr>
        <p:spPr>
          <a:xfrm>
            <a:off x="901158" y="4121741"/>
            <a:ext cx="2934656" cy="34998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FF96CD99-5A1A-4A52-BED6-38C662AA60E5}"/>
              </a:ext>
            </a:extLst>
          </p:cNvPr>
          <p:cNvSpPr txBox="1"/>
          <p:nvPr/>
        </p:nvSpPr>
        <p:spPr>
          <a:xfrm>
            <a:off x="416197" y="3560662"/>
            <a:ext cx="8281236" cy="9900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由兩個正方形和兩個大小相同的三角形組成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每個三角形的面積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cm²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2E0E8F03-412B-4C2C-837F-37335A0E0AC9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886419" y="1051042"/>
            <a:ext cx="3166218" cy="2116501"/>
          </a:xfrm>
          <a:prstGeom prst="rect">
            <a:avLst/>
          </a:prstGeom>
        </p:spPr>
      </p:pic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9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9" name="Text Box 50">
            <a:extLst>
              <a:ext uri="{FF2B5EF4-FFF2-40B4-BE49-F238E27FC236}">
                <a16:creationId xmlns:a16="http://schemas.microsoft.com/office/drawing/2014/main" id="{BE121F99-CDDD-4856-B456-9255900AFAE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609772" y="3110526"/>
            <a:ext cx="962228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400" dirty="0"/>
              <a:t>16cm</a:t>
            </a:r>
          </a:p>
        </p:txBody>
      </p:sp>
      <p:sp>
        <p:nvSpPr>
          <p:cNvPr id="60" name="Text Box 50">
            <a:extLst>
              <a:ext uri="{FF2B5EF4-FFF2-40B4-BE49-F238E27FC236}">
                <a16:creationId xmlns:a16="http://schemas.microsoft.com/office/drawing/2014/main" id="{694E7E40-3F56-431F-8A67-E58D70B2273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0882" y="1925870"/>
            <a:ext cx="1184543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400" dirty="0"/>
              <a:t>64cm</a:t>
            </a:r>
            <a:r>
              <a:rPr lang="en-US" altLang="zh-CN" sz="2400" dirty="0"/>
              <a:t>²</a:t>
            </a:r>
            <a:endParaRPr lang="en-US" altLang="zh-TW" sz="2400" dirty="0"/>
          </a:p>
        </p:txBody>
      </p:sp>
      <p:sp>
        <p:nvSpPr>
          <p:cNvPr id="18" name="矩形 17">
            <a:extLst>
              <a:ext uri="{FF2B5EF4-FFF2-40B4-BE49-F238E27FC236}">
                <a16:creationId xmlns:a16="http://schemas.microsoft.com/office/drawing/2014/main" id="{FD350197-1AE3-4840-B1DE-6C36EB0C5764}"/>
              </a:ext>
            </a:extLst>
          </p:cNvPr>
          <p:cNvSpPr/>
          <p:nvPr/>
        </p:nvSpPr>
        <p:spPr>
          <a:xfrm>
            <a:off x="5084948" y="2013951"/>
            <a:ext cx="889823" cy="30097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Text Box 9">
            <a:extLst>
              <a:ext uri="{FF2B5EF4-FFF2-40B4-BE49-F238E27FC236}">
                <a16:creationId xmlns:a16="http://schemas.microsoft.com/office/drawing/2014/main" id="{9BB01C18-C1B6-4498-943B-CB471392F7E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37030" y="1646317"/>
            <a:ext cx="168731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64 = 8 × 8</a:t>
            </a:r>
          </a:p>
        </p:txBody>
      </p:sp>
      <p:sp>
        <p:nvSpPr>
          <p:cNvPr id="20" name="Text Box 50">
            <a:extLst>
              <a:ext uri="{FF2B5EF4-FFF2-40B4-BE49-F238E27FC236}">
                <a16:creationId xmlns:a16="http://schemas.microsoft.com/office/drawing/2014/main" id="{B45BC709-BD64-405C-A93E-9993DA01F98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51526" y="1499823"/>
            <a:ext cx="84545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21" name="Text Box 50">
            <a:extLst>
              <a:ext uri="{FF2B5EF4-FFF2-40B4-BE49-F238E27FC236}">
                <a16:creationId xmlns:a16="http://schemas.microsoft.com/office/drawing/2014/main" id="{43C2C650-79DF-4AEC-B2A2-967392D7DAA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83211" y="1072265"/>
            <a:ext cx="2231739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16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8)÷2 cm</a:t>
            </a:r>
          </a:p>
        </p:txBody>
      </p:sp>
      <p:sp>
        <p:nvSpPr>
          <p:cNvPr id="22" name="任意多边形: 形状 21">
            <a:extLst>
              <a:ext uri="{FF2B5EF4-FFF2-40B4-BE49-F238E27FC236}">
                <a16:creationId xmlns:a16="http://schemas.microsoft.com/office/drawing/2014/main" id="{6D2E7200-2E4C-4ED4-AC46-F8BEFB456DCC}"/>
              </a:ext>
            </a:extLst>
          </p:cNvPr>
          <p:cNvSpPr/>
          <p:nvPr/>
        </p:nvSpPr>
        <p:spPr>
          <a:xfrm rot="5400000" flipH="1">
            <a:off x="4386436" y="2056792"/>
            <a:ext cx="1043373" cy="121624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407F2A86-9304-40E7-BD9F-8A5E33A2D6EC}"/>
              </a:ext>
            </a:extLst>
          </p:cNvPr>
          <p:cNvSpPr/>
          <p:nvPr/>
        </p:nvSpPr>
        <p:spPr>
          <a:xfrm>
            <a:off x="3637208" y="3164850"/>
            <a:ext cx="919607" cy="36000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Text Box 50">
            <a:extLst>
              <a:ext uri="{FF2B5EF4-FFF2-40B4-BE49-F238E27FC236}">
                <a16:creationId xmlns:a16="http://schemas.microsoft.com/office/drawing/2014/main" id="{DDF4B467-9C64-413C-9695-6EC54B9EE1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42066" y="1771652"/>
            <a:ext cx="98275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</a:rPr>
              <a:t>16cm</a:t>
            </a:r>
          </a:p>
        </p:txBody>
      </p:sp>
      <p:sp>
        <p:nvSpPr>
          <p:cNvPr id="26" name="Text Box 9">
            <a:extLst>
              <a:ext uri="{FF2B5EF4-FFF2-40B4-BE49-F238E27FC236}">
                <a16:creationId xmlns:a16="http://schemas.microsoft.com/office/drawing/2014/main" id="{6216F6F0-37F9-47DD-9BE0-8430FB68B90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74771" y="2132149"/>
            <a:ext cx="3166218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正方形的邊長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是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8cm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。</a:t>
            </a:r>
            <a:endParaRPr lang="en-US" altLang="zh-CN" sz="20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30" name="Text Box 9">
            <a:extLst>
              <a:ext uri="{FF2B5EF4-FFF2-40B4-BE49-F238E27FC236}">
                <a16:creationId xmlns:a16="http://schemas.microsoft.com/office/drawing/2014/main" id="{7678504C-F0FD-4549-B1AE-9C9110CFBB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13837" y="5025682"/>
            <a:ext cx="1023371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en-US" altLang="zh-TW" sz="20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8×</a:t>
            </a:r>
            <a:endParaRPr lang="en-US" altLang="zh-CN" sz="20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4BA3D8A4-9A28-4B58-8DE6-0F1FAA2B07E9}"/>
              </a:ext>
            </a:extLst>
          </p:cNvPr>
          <p:cNvSpPr/>
          <p:nvPr/>
        </p:nvSpPr>
        <p:spPr>
          <a:xfrm>
            <a:off x="4997450" y="1600200"/>
            <a:ext cx="1009650" cy="0"/>
          </a:xfrm>
          <a:custGeom>
            <a:avLst/>
            <a:gdLst>
              <a:gd name="connsiteX0" fmla="*/ 0 w 1009650"/>
              <a:gd name="connsiteY0" fmla="*/ 0 h 0"/>
              <a:gd name="connsiteX1" fmla="*/ 1009650 w 1009650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09650">
                <a:moveTo>
                  <a:pt x="0" y="0"/>
                </a:moveTo>
                <a:lnTo>
                  <a:pt x="1009650" y="0"/>
                </a:lnTo>
              </a:path>
            </a:pathLst>
          </a:cu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任意多边形: 形状 26">
            <a:extLst>
              <a:ext uri="{FF2B5EF4-FFF2-40B4-BE49-F238E27FC236}">
                <a16:creationId xmlns:a16="http://schemas.microsoft.com/office/drawing/2014/main" id="{EF684455-841C-4886-BA6A-573CD47F2636}"/>
              </a:ext>
            </a:extLst>
          </p:cNvPr>
          <p:cNvSpPr/>
          <p:nvPr/>
        </p:nvSpPr>
        <p:spPr>
          <a:xfrm rot="5400000">
            <a:off x="4732531" y="1337644"/>
            <a:ext cx="530352" cy="0"/>
          </a:xfrm>
          <a:custGeom>
            <a:avLst/>
            <a:gdLst>
              <a:gd name="connsiteX0" fmla="*/ 0 w 1009650"/>
              <a:gd name="connsiteY0" fmla="*/ 0 h 0"/>
              <a:gd name="connsiteX1" fmla="*/ 1009650 w 1009650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09650">
                <a:moveTo>
                  <a:pt x="0" y="0"/>
                </a:moveTo>
                <a:lnTo>
                  <a:pt x="1009650" y="0"/>
                </a:lnTo>
              </a:path>
            </a:pathLst>
          </a:cu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1" name="Text Box 9">
            <a:extLst>
              <a:ext uri="{FF2B5EF4-FFF2-40B4-BE49-F238E27FC236}">
                <a16:creationId xmlns:a16="http://schemas.microsoft.com/office/drawing/2014/main" id="{6B032398-DC7D-434F-94E4-45672512C8E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9348" y="4598197"/>
            <a:ext cx="380936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三角形的面積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00B050"/>
                </a:solidFill>
                <a:ea typeface="標楷體" panose="03000509000000000000" pitchFamily="65" charset="-120"/>
              </a:rPr>
              <a:t>底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</a:t>
            </a: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高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sym typeface="Symbol" panose="05050102010706020507" pitchFamily="18" charset="2"/>
              </a:rPr>
              <a:t>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sym typeface="Symbol" panose="05050102010706020507" pitchFamily="18" charset="2"/>
              </a:rPr>
              <a:t>2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32" name="任意多边形: 形状 31">
            <a:extLst>
              <a:ext uri="{FF2B5EF4-FFF2-40B4-BE49-F238E27FC236}">
                <a16:creationId xmlns:a16="http://schemas.microsoft.com/office/drawing/2014/main" id="{0801EDB8-50C2-4AC7-90B0-13C47ABBDDA5}"/>
              </a:ext>
            </a:extLst>
          </p:cNvPr>
          <p:cNvSpPr/>
          <p:nvPr/>
        </p:nvSpPr>
        <p:spPr>
          <a:xfrm rot="5400000">
            <a:off x="4732153" y="2879067"/>
            <a:ext cx="530352" cy="0"/>
          </a:xfrm>
          <a:custGeom>
            <a:avLst/>
            <a:gdLst>
              <a:gd name="connsiteX0" fmla="*/ 0 w 1009650"/>
              <a:gd name="connsiteY0" fmla="*/ 0 h 0"/>
              <a:gd name="connsiteX1" fmla="*/ 1009650 w 1009650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09650">
                <a:moveTo>
                  <a:pt x="0" y="0"/>
                </a:moveTo>
                <a:lnTo>
                  <a:pt x="1009650" y="0"/>
                </a:lnTo>
              </a:path>
            </a:pathLst>
          </a:cu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6" name="Text Box 50">
            <a:extLst>
              <a:ext uri="{FF2B5EF4-FFF2-40B4-BE49-F238E27FC236}">
                <a16:creationId xmlns:a16="http://schemas.microsoft.com/office/drawing/2014/main" id="{1AD7ABBF-0248-43B5-BBF2-F775484D6F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134088" y="1843078"/>
            <a:ext cx="84545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38" name="Text Box 50">
            <a:extLst>
              <a:ext uri="{FF2B5EF4-FFF2-40B4-BE49-F238E27FC236}">
                <a16:creationId xmlns:a16="http://schemas.microsoft.com/office/drawing/2014/main" id="{D58496DF-CE80-4345-9E06-F854A41E40F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342515" y="5025682"/>
            <a:ext cx="174243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16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8)÷2</a:t>
            </a:r>
          </a:p>
        </p:txBody>
      </p:sp>
      <p:sp>
        <p:nvSpPr>
          <p:cNvPr id="39" name="Text Box 50">
            <a:extLst>
              <a:ext uri="{FF2B5EF4-FFF2-40B4-BE49-F238E27FC236}">
                <a16:creationId xmlns:a16="http://schemas.microsoft.com/office/drawing/2014/main" id="{98A9ECCF-4244-45A2-981F-0B57F6F7240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57796" y="5034646"/>
            <a:ext cx="76976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÷2</a:t>
            </a:r>
          </a:p>
        </p:txBody>
      </p:sp>
      <p:sp>
        <p:nvSpPr>
          <p:cNvPr id="40" name="Text Box 50">
            <a:extLst>
              <a:ext uri="{FF2B5EF4-FFF2-40B4-BE49-F238E27FC236}">
                <a16:creationId xmlns:a16="http://schemas.microsoft.com/office/drawing/2014/main" id="{A0438F2C-5733-497D-ACD6-2D22B3FFB7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98330" y="5534867"/>
            <a:ext cx="198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16(cm</a:t>
            </a:r>
            <a:r>
              <a:rPr lang="en-US" altLang="zh-TW" sz="2400" baseline="30000" dirty="0">
                <a:solidFill>
                  <a:srgbClr val="FF00FF"/>
                </a:solidFill>
                <a:ea typeface="標楷體" panose="03000509000000000000" pitchFamily="65" charset="-120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41" name="Text Box 9">
            <a:extLst>
              <a:ext uri="{FF2B5EF4-FFF2-40B4-BE49-F238E27FC236}">
                <a16:creationId xmlns:a16="http://schemas.microsoft.com/office/drawing/2014/main" id="{6014647D-42AE-415F-AD48-CE04CF01A2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64156" y="3997496"/>
            <a:ext cx="648768" cy="52360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6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82837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40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0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exit" presetSubtype="0" fill="hold" grpId="3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10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30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1000"/>
                                        <p:tgtEl>
                                          <p:spTgt spid="4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18" grpId="0" animBg="1"/>
      <p:bldP spid="18" grpId="2" animBg="1"/>
      <p:bldP spid="18" grpId="3" animBg="1"/>
      <p:bldP spid="19" grpId="0"/>
      <p:bldP spid="19" grpId="1"/>
      <p:bldP spid="20" grpId="0"/>
      <p:bldP spid="20" grpId="1"/>
      <p:bldP spid="21" grpId="0"/>
      <p:bldP spid="21" grpId="1"/>
      <p:bldP spid="22" grpId="0" animBg="1"/>
      <p:bldP spid="22" grpId="1" animBg="1"/>
      <p:bldP spid="24" grpId="0" animBg="1"/>
      <p:bldP spid="24" grpId="1" animBg="1"/>
      <p:bldP spid="25" grpId="0"/>
      <p:bldP spid="25" grpId="1"/>
      <p:bldP spid="26" grpId="0" build="allAtOnce"/>
      <p:bldP spid="30" grpId="0" build="allAtOnce"/>
      <p:bldP spid="3" grpId="0" animBg="1"/>
      <p:bldP spid="3" grpId="1" animBg="1"/>
      <p:bldP spid="27" grpId="0" animBg="1"/>
      <p:bldP spid="27" grpId="1" animBg="1"/>
      <p:bldP spid="31" grpId="0"/>
      <p:bldP spid="31" grpId="1"/>
      <p:bldP spid="32" grpId="0" animBg="1"/>
      <p:bldP spid="32" grpId="1" animBg="1"/>
      <p:bldP spid="36" grpId="0"/>
      <p:bldP spid="36" grpId="1"/>
      <p:bldP spid="38" grpId="0"/>
      <p:bldP spid="38" grpId="1"/>
      <p:bldP spid="39" grpId="0"/>
      <p:bldP spid="39" grpId="1"/>
      <p:bldP spid="40" grpId="0"/>
      <p:bldP spid="40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9" name="组合 38">
            <a:extLst>
              <a:ext uri="{FF2B5EF4-FFF2-40B4-BE49-F238E27FC236}">
                <a16:creationId xmlns:a16="http://schemas.microsoft.com/office/drawing/2014/main" id="{54EBABDE-1947-493E-9349-84289610D40D}"/>
              </a:ext>
            </a:extLst>
          </p:cNvPr>
          <p:cNvGrpSpPr/>
          <p:nvPr/>
        </p:nvGrpSpPr>
        <p:grpSpPr>
          <a:xfrm>
            <a:off x="1173464" y="1286942"/>
            <a:ext cx="2596551" cy="2191109"/>
            <a:chOff x="5229937" y="1147800"/>
            <a:chExt cx="2596551" cy="2191109"/>
          </a:xfrm>
          <a:solidFill>
            <a:schemeClr val="accent2">
              <a:lumMod val="20000"/>
              <a:lumOff val="80000"/>
            </a:schemeClr>
          </a:solidFill>
        </p:grpSpPr>
        <p:sp>
          <p:nvSpPr>
            <p:cNvPr id="40" name="任意多边形: 形状 39">
              <a:extLst>
                <a:ext uri="{FF2B5EF4-FFF2-40B4-BE49-F238E27FC236}">
                  <a16:creationId xmlns:a16="http://schemas.microsoft.com/office/drawing/2014/main" id="{E9027846-A1E9-404F-BCD1-1CA69C51DAB5}"/>
                </a:ext>
              </a:extLst>
            </p:cNvPr>
            <p:cNvSpPr/>
            <p:nvPr/>
          </p:nvSpPr>
          <p:spPr>
            <a:xfrm>
              <a:off x="7213555" y="1147800"/>
              <a:ext cx="603849" cy="2191109"/>
            </a:xfrm>
            <a:custGeom>
              <a:avLst/>
              <a:gdLst>
                <a:gd name="connsiteX0" fmla="*/ 0 w 603849"/>
                <a:gd name="connsiteY0" fmla="*/ 595223 h 2182483"/>
                <a:gd name="connsiteX1" fmla="*/ 603849 w 603849"/>
                <a:gd name="connsiteY1" fmla="*/ 0 h 2182483"/>
                <a:gd name="connsiteX2" fmla="*/ 603849 w 603849"/>
                <a:gd name="connsiteY2" fmla="*/ 1595887 h 2182483"/>
                <a:gd name="connsiteX3" fmla="*/ 0 w 603849"/>
                <a:gd name="connsiteY3" fmla="*/ 2182483 h 2182483"/>
                <a:gd name="connsiteX4" fmla="*/ 0 w 603849"/>
                <a:gd name="connsiteY4" fmla="*/ 595223 h 2182483"/>
                <a:gd name="connsiteX0" fmla="*/ 0 w 603849"/>
                <a:gd name="connsiteY0" fmla="*/ 595223 h 2191109"/>
                <a:gd name="connsiteX1" fmla="*/ 603849 w 603849"/>
                <a:gd name="connsiteY1" fmla="*/ 0 h 2191109"/>
                <a:gd name="connsiteX2" fmla="*/ 603849 w 603849"/>
                <a:gd name="connsiteY2" fmla="*/ 1595887 h 2191109"/>
                <a:gd name="connsiteX3" fmla="*/ 0 w 603849"/>
                <a:gd name="connsiteY3" fmla="*/ 2191109 h 2191109"/>
                <a:gd name="connsiteX4" fmla="*/ 0 w 603849"/>
                <a:gd name="connsiteY4" fmla="*/ 595223 h 2191109"/>
                <a:gd name="connsiteX0" fmla="*/ 0 w 603849"/>
                <a:gd name="connsiteY0" fmla="*/ 595223 h 2191109"/>
                <a:gd name="connsiteX1" fmla="*/ 603849 w 603849"/>
                <a:gd name="connsiteY1" fmla="*/ 0 h 2191109"/>
                <a:gd name="connsiteX2" fmla="*/ 603849 w 603849"/>
                <a:gd name="connsiteY2" fmla="*/ 1595887 h 2191109"/>
                <a:gd name="connsiteX3" fmla="*/ 0 w 603849"/>
                <a:gd name="connsiteY3" fmla="*/ 2191109 h 2191109"/>
                <a:gd name="connsiteX4" fmla="*/ 0 w 603849"/>
                <a:gd name="connsiteY4" fmla="*/ 595223 h 2191109"/>
                <a:gd name="connsiteX0" fmla="*/ 0 w 603849"/>
                <a:gd name="connsiteY0" fmla="*/ 595223 h 2191109"/>
                <a:gd name="connsiteX1" fmla="*/ 603849 w 603849"/>
                <a:gd name="connsiteY1" fmla="*/ 0 h 2191109"/>
                <a:gd name="connsiteX2" fmla="*/ 603849 w 603849"/>
                <a:gd name="connsiteY2" fmla="*/ 1587260 h 2191109"/>
                <a:gd name="connsiteX3" fmla="*/ 0 w 603849"/>
                <a:gd name="connsiteY3" fmla="*/ 2191109 h 2191109"/>
                <a:gd name="connsiteX4" fmla="*/ 0 w 603849"/>
                <a:gd name="connsiteY4" fmla="*/ 595223 h 21911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603849" h="2191109">
                  <a:moveTo>
                    <a:pt x="0" y="595223"/>
                  </a:moveTo>
                  <a:lnTo>
                    <a:pt x="603849" y="0"/>
                  </a:lnTo>
                  <a:lnTo>
                    <a:pt x="603849" y="1587260"/>
                  </a:lnTo>
                  <a:lnTo>
                    <a:pt x="0" y="2191109"/>
                  </a:lnTo>
                  <a:lnTo>
                    <a:pt x="0" y="595223"/>
                  </a:lnTo>
                  <a:close/>
                </a:path>
              </a:pathLst>
            </a:custGeom>
            <a:grp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41" name="任意多边形: 形状 40">
              <a:extLst>
                <a:ext uri="{FF2B5EF4-FFF2-40B4-BE49-F238E27FC236}">
                  <a16:creationId xmlns:a16="http://schemas.microsoft.com/office/drawing/2014/main" id="{79DB17C7-AA65-42CD-A36A-FFAA51CF5AE4}"/>
                </a:ext>
              </a:extLst>
            </p:cNvPr>
            <p:cNvSpPr/>
            <p:nvPr/>
          </p:nvSpPr>
          <p:spPr>
            <a:xfrm>
              <a:off x="5229937" y="1159062"/>
              <a:ext cx="2596551" cy="597169"/>
            </a:xfrm>
            <a:custGeom>
              <a:avLst/>
              <a:gdLst>
                <a:gd name="connsiteX0" fmla="*/ 603849 w 2596551"/>
                <a:gd name="connsiteY0" fmla="*/ 0 h 595223"/>
                <a:gd name="connsiteX1" fmla="*/ 0 w 2596551"/>
                <a:gd name="connsiteY1" fmla="*/ 595223 h 595223"/>
                <a:gd name="connsiteX2" fmla="*/ 1992702 w 2596551"/>
                <a:gd name="connsiteY2" fmla="*/ 595223 h 595223"/>
                <a:gd name="connsiteX3" fmla="*/ 2596551 w 2596551"/>
                <a:gd name="connsiteY3" fmla="*/ 0 h 595223"/>
                <a:gd name="connsiteX4" fmla="*/ 603849 w 2596551"/>
                <a:gd name="connsiteY4" fmla="*/ 0 h 59522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596551" h="595223">
                  <a:moveTo>
                    <a:pt x="603849" y="0"/>
                  </a:moveTo>
                  <a:lnTo>
                    <a:pt x="0" y="595223"/>
                  </a:lnTo>
                  <a:lnTo>
                    <a:pt x="1992702" y="595223"/>
                  </a:lnTo>
                  <a:lnTo>
                    <a:pt x="2596551" y="0"/>
                  </a:lnTo>
                  <a:lnTo>
                    <a:pt x="603849" y="0"/>
                  </a:lnTo>
                  <a:close/>
                </a:path>
              </a:pathLst>
            </a:custGeom>
            <a:grp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42" name="矩形 41">
              <a:extLst>
                <a:ext uri="{FF2B5EF4-FFF2-40B4-BE49-F238E27FC236}">
                  <a16:creationId xmlns:a16="http://schemas.microsoft.com/office/drawing/2014/main" id="{F28EE656-D4A6-420E-B22E-821BD5CFC73C}"/>
                </a:ext>
              </a:extLst>
            </p:cNvPr>
            <p:cNvSpPr/>
            <p:nvPr/>
          </p:nvSpPr>
          <p:spPr>
            <a:xfrm>
              <a:off x="5237809" y="1753282"/>
              <a:ext cx="1984075" cy="1584000"/>
            </a:xfrm>
            <a:prstGeom prst="rect">
              <a:avLst/>
            </a:prstGeom>
            <a:grp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DFC45B30-6A7C-4C84-9FE3-E7F76380D846}"/>
              </a:ext>
            </a:extLst>
          </p:cNvPr>
          <p:cNvGrpSpPr/>
          <p:nvPr/>
        </p:nvGrpSpPr>
        <p:grpSpPr>
          <a:xfrm>
            <a:off x="723044" y="966536"/>
            <a:ext cx="4522632" cy="3329825"/>
            <a:chOff x="1825616" y="940248"/>
            <a:chExt cx="4522632" cy="3329825"/>
          </a:xfrm>
        </p:grpSpPr>
        <p:pic>
          <p:nvPicPr>
            <p:cNvPr id="44" name="图片 43">
              <a:extLst>
                <a:ext uri="{FF2B5EF4-FFF2-40B4-BE49-F238E27FC236}">
                  <a16:creationId xmlns:a16="http://schemas.microsoft.com/office/drawing/2014/main" id="{5C901EB5-93EE-4C4E-B3E2-E9B65DEE1D23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sharpenSoften amount="25000"/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1836126" y="971778"/>
              <a:ext cx="3836460" cy="3043173"/>
            </a:xfrm>
            <a:prstGeom prst="rect">
              <a:avLst/>
            </a:prstGeom>
          </p:spPr>
        </p:pic>
        <p:grpSp>
          <p:nvGrpSpPr>
            <p:cNvPr id="45" name="组合 44">
              <a:extLst>
                <a:ext uri="{FF2B5EF4-FFF2-40B4-BE49-F238E27FC236}">
                  <a16:creationId xmlns:a16="http://schemas.microsoft.com/office/drawing/2014/main" id="{25EC14CD-D942-4416-AD07-E6ED7A12742F}"/>
                </a:ext>
              </a:extLst>
            </p:cNvPr>
            <p:cNvGrpSpPr/>
            <p:nvPr/>
          </p:nvGrpSpPr>
          <p:grpSpPr>
            <a:xfrm>
              <a:off x="1825616" y="940248"/>
              <a:ext cx="4522632" cy="3329825"/>
              <a:chOff x="1825616" y="940248"/>
              <a:chExt cx="4522632" cy="3329825"/>
            </a:xfrm>
          </p:grpSpPr>
          <p:sp>
            <p:nvSpPr>
              <p:cNvPr id="46" name="Text Box 50">
                <a:extLst>
                  <a:ext uri="{FF2B5EF4-FFF2-40B4-BE49-F238E27FC236}">
                    <a16:creationId xmlns:a16="http://schemas.microsoft.com/office/drawing/2014/main" id="{9C92C151-499D-44DC-8FAF-3C49DE36345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959874" y="3869963"/>
                <a:ext cx="962228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28m</a:t>
                </a:r>
              </a:p>
            </p:txBody>
          </p:sp>
          <p:sp>
            <p:nvSpPr>
              <p:cNvPr id="47" name="Text Box 50">
                <a:extLst>
                  <a:ext uri="{FF2B5EF4-FFF2-40B4-BE49-F238E27FC236}">
                    <a16:creationId xmlns:a16="http://schemas.microsoft.com/office/drawing/2014/main" id="{F5188DA9-FA12-423D-BE45-95E3CF26132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825616" y="2824655"/>
                <a:ext cx="641861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4m</a:t>
                </a:r>
              </a:p>
            </p:txBody>
          </p:sp>
          <p:sp>
            <p:nvSpPr>
              <p:cNvPr id="48" name="Text Box 50">
                <a:extLst>
                  <a:ext uri="{FF2B5EF4-FFF2-40B4-BE49-F238E27FC236}">
                    <a16:creationId xmlns:a16="http://schemas.microsoft.com/office/drawing/2014/main" id="{5BB678CC-5DCD-4D37-B448-39FB353D7053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253382" y="3444554"/>
                <a:ext cx="641861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4m</a:t>
                </a:r>
              </a:p>
            </p:txBody>
          </p:sp>
          <p:sp>
            <p:nvSpPr>
              <p:cNvPr id="49" name="Text Box 50">
                <a:extLst>
                  <a:ext uri="{FF2B5EF4-FFF2-40B4-BE49-F238E27FC236}">
                    <a16:creationId xmlns:a16="http://schemas.microsoft.com/office/drawing/2014/main" id="{83F74182-A574-4B27-BA71-BFF1ABB8BE51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841597" y="940248"/>
                <a:ext cx="641861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4m</a:t>
                </a:r>
              </a:p>
            </p:txBody>
          </p:sp>
          <p:sp>
            <p:nvSpPr>
              <p:cNvPr id="50" name="Text Box 50">
                <a:extLst>
                  <a:ext uri="{FF2B5EF4-FFF2-40B4-BE49-F238E27FC236}">
                    <a16:creationId xmlns:a16="http://schemas.microsoft.com/office/drawing/2014/main" id="{58904454-AD0E-42E7-AD87-6492F3A6D34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204568" y="2455891"/>
                <a:ext cx="641861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4m</a:t>
                </a:r>
              </a:p>
            </p:txBody>
          </p:sp>
          <p:sp>
            <p:nvSpPr>
              <p:cNvPr id="51" name="Text Box 50">
                <a:extLst>
                  <a:ext uri="{FF2B5EF4-FFF2-40B4-BE49-F238E27FC236}">
                    <a16:creationId xmlns:a16="http://schemas.microsoft.com/office/drawing/2014/main" id="{BEA789FD-6593-4784-BEA0-E824127F63F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566808" y="1855486"/>
                <a:ext cx="781440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20m</a:t>
                </a:r>
              </a:p>
            </p:txBody>
          </p:sp>
          <p:sp>
            <p:nvSpPr>
              <p:cNvPr id="52" name="Text Box 50">
                <a:extLst>
                  <a:ext uri="{FF2B5EF4-FFF2-40B4-BE49-F238E27FC236}">
                    <a16:creationId xmlns:a16="http://schemas.microsoft.com/office/drawing/2014/main" id="{C72390E2-A685-4648-9E24-03B7BFB59AC3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093136" y="3415229"/>
                <a:ext cx="781440" cy="40011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eaLnBrk="1" hangingPunct="1">
                  <a:spcBef>
                    <a:spcPct val="50000"/>
                  </a:spcBef>
                </a:pPr>
                <a:r>
                  <a:rPr lang="en-US" altLang="zh-TW" sz="2000" dirty="0"/>
                  <a:t>20m</a:t>
                </a:r>
              </a:p>
            </p:txBody>
          </p:sp>
        </p:grpSp>
      </p:grpSp>
      <p:sp>
        <p:nvSpPr>
          <p:cNvPr id="35" name="矩形 34">
            <a:extLst>
              <a:ext uri="{FF2B5EF4-FFF2-40B4-BE49-F238E27FC236}">
                <a16:creationId xmlns:a16="http://schemas.microsoft.com/office/drawing/2014/main" id="{316E141F-83AD-4BC0-963C-E7B89B510761}"/>
              </a:ext>
            </a:extLst>
          </p:cNvPr>
          <p:cNvSpPr/>
          <p:nvPr/>
        </p:nvSpPr>
        <p:spPr>
          <a:xfrm>
            <a:off x="867551" y="4328428"/>
            <a:ext cx="2542399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FF96CD99-5A1A-4A52-BED6-38C662AA60E5}"/>
              </a:ext>
            </a:extLst>
          </p:cNvPr>
          <p:cNvSpPr txBox="1"/>
          <p:nvPr/>
        </p:nvSpPr>
        <p:spPr>
          <a:xfrm>
            <a:off x="416197" y="4184168"/>
            <a:ext cx="6394506" cy="6083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立體的體積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m³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0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32" name="Text Box 50">
            <a:extLst>
              <a:ext uri="{FF2B5EF4-FFF2-40B4-BE49-F238E27FC236}">
                <a16:creationId xmlns:a16="http://schemas.microsoft.com/office/drawing/2014/main" id="{24AFF099-F511-46CC-BBB7-C740FF0409A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84847" y="3512539"/>
            <a:ext cx="1810000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8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 × 2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33" name="Text Box 50">
            <a:extLst>
              <a:ext uri="{FF2B5EF4-FFF2-40B4-BE49-F238E27FC236}">
                <a16:creationId xmlns:a16="http://schemas.microsoft.com/office/drawing/2014/main" id="{38FFBAE8-ECD4-4CA5-825F-FD425C960CF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923556" y="2071545"/>
            <a:ext cx="1285365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0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34" name="Text Box 50">
            <a:extLst>
              <a:ext uri="{FF2B5EF4-FFF2-40B4-BE49-F238E27FC236}">
                <a16:creationId xmlns:a16="http://schemas.microsoft.com/office/drawing/2014/main" id="{C691EC76-40E9-4797-9FAF-311248B4A740}"/>
              </a:ext>
            </a:extLst>
          </p:cNvPr>
          <p:cNvSpPr txBox="1">
            <a:spLocks noChangeArrowheads="1"/>
          </p:cNvSpPr>
          <p:nvPr/>
        </p:nvSpPr>
        <p:spPr bwMode="auto">
          <a:xfrm rot="18900917">
            <a:off x="7170393" y="3186207"/>
            <a:ext cx="1285365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0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E1D41D17-D7C0-4230-A75D-E94EE8B14953}"/>
              </a:ext>
            </a:extLst>
          </p:cNvPr>
          <p:cNvSpPr/>
          <p:nvPr/>
        </p:nvSpPr>
        <p:spPr>
          <a:xfrm>
            <a:off x="710630" y="2764128"/>
            <a:ext cx="480198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5D764BE1-AA83-4447-A743-29BFC54DBCBC}"/>
              </a:ext>
            </a:extLst>
          </p:cNvPr>
          <p:cNvSpPr/>
          <p:nvPr/>
        </p:nvSpPr>
        <p:spPr>
          <a:xfrm>
            <a:off x="3124555" y="2493433"/>
            <a:ext cx="480198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C77DA78F-6C2B-49D7-8BB6-32EB6E0D2185}"/>
              </a:ext>
            </a:extLst>
          </p:cNvPr>
          <p:cNvSpPr/>
          <p:nvPr/>
        </p:nvSpPr>
        <p:spPr>
          <a:xfrm>
            <a:off x="1857303" y="3868576"/>
            <a:ext cx="647772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27C1A926-3EF3-4EB2-AF9E-71568D69DE9D}"/>
              </a:ext>
            </a:extLst>
          </p:cNvPr>
          <p:cNvSpPr/>
          <p:nvPr/>
        </p:nvSpPr>
        <p:spPr>
          <a:xfrm>
            <a:off x="2206679" y="3490701"/>
            <a:ext cx="480198" cy="36218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DFA29F49-0483-4AA7-AED5-A9038C8586FF}"/>
              </a:ext>
            </a:extLst>
          </p:cNvPr>
          <p:cNvSpPr/>
          <p:nvPr/>
        </p:nvSpPr>
        <p:spPr>
          <a:xfrm>
            <a:off x="4510802" y="1830131"/>
            <a:ext cx="647772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69AD107E-FC48-4BD8-BF72-145C7766DC0A}"/>
              </a:ext>
            </a:extLst>
          </p:cNvPr>
          <p:cNvSpPr/>
          <p:nvPr/>
        </p:nvSpPr>
        <p:spPr>
          <a:xfrm>
            <a:off x="2780827" y="919255"/>
            <a:ext cx="480198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矩形 55">
            <a:extLst>
              <a:ext uri="{FF2B5EF4-FFF2-40B4-BE49-F238E27FC236}">
                <a16:creationId xmlns:a16="http://schemas.microsoft.com/office/drawing/2014/main" id="{895C61D2-0A44-4D11-90D9-53A9B86F8E56}"/>
              </a:ext>
            </a:extLst>
          </p:cNvPr>
          <p:cNvSpPr/>
          <p:nvPr/>
        </p:nvSpPr>
        <p:spPr>
          <a:xfrm>
            <a:off x="4007283" y="3390718"/>
            <a:ext cx="647772" cy="48692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任意多边形: 形状 56">
            <a:extLst>
              <a:ext uri="{FF2B5EF4-FFF2-40B4-BE49-F238E27FC236}">
                <a16:creationId xmlns:a16="http://schemas.microsoft.com/office/drawing/2014/main" id="{7C9608F8-906B-4C25-A65B-542DB1B91E8F}"/>
              </a:ext>
            </a:extLst>
          </p:cNvPr>
          <p:cNvSpPr/>
          <p:nvPr/>
        </p:nvSpPr>
        <p:spPr>
          <a:xfrm flipV="1">
            <a:off x="1193646" y="3252747"/>
            <a:ext cx="1979604" cy="22878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61" name="Text Box 50">
            <a:extLst>
              <a:ext uri="{FF2B5EF4-FFF2-40B4-BE49-F238E27FC236}">
                <a16:creationId xmlns:a16="http://schemas.microsoft.com/office/drawing/2014/main" id="{2AC1D9DA-B3FD-4B58-B99D-62BBB6CC747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33559" y="2910932"/>
            <a:ext cx="1810000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8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 × 2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62" name="任意多边形: 形状 61">
            <a:extLst>
              <a:ext uri="{FF2B5EF4-FFF2-40B4-BE49-F238E27FC236}">
                <a16:creationId xmlns:a16="http://schemas.microsoft.com/office/drawing/2014/main" id="{EC05C767-79C3-43EE-B2B0-91665881C46A}"/>
              </a:ext>
            </a:extLst>
          </p:cNvPr>
          <p:cNvSpPr/>
          <p:nvPr/>
        </p:nvSpPr>
        <p:spPr>
          <a:xfrm rot="8132428" flipV="1">
            <a:off x="3110434" y="1557319"/>
            <a:ext cx="847729" cy="178171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63" name="Text Box 50">
            <a:extLst>
              <a:ext uri="{FF2B5EF4-FFF2-40B4-BE49-F238E27FC236}">
                <a16:creationId xmlns:a16="http://schemas.microsoft.com/office/drawing/2014/main" id="{DD49852D-AA8A-4342-9076-F9CC79F643CF}"/>
              </a:ext>
            </a:extLst>
          </p:cNvPr>
          <p:cNvSpPr txBox="1">
            <a:spLocks noChangeArrowheads="1"/>
          </p:cNvSpPr>
          <p:nvPr/>
        </p:nvSpPr>
        <p:spPr bwMode="auto">
          <a:xfrm rot="18873795">
            <a:off x="3137465" y="1487011"/>
            <a:ext cx="1275661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0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64" name="任意多边形: 形状 63">
            <a:extLst>
              <a:ext uri="{FF2B5EF4-FFF2-40B4-BE49-F238E27FC236}">
                <a16:creationId xmlns:a16="http://schemas.microsoft.com/office/drawing/2014/main" id="{D7F76F88-F728-4F6F-A712-078A288F5996}"/>
              </a:ext>
            </a:extLst>
          </p:cNvPr>
          <p:cNvSpPr/>
          <p:nvPr/>
        </p:nvSpPr>
        <p:spPr>
          <a:xfrm rot="16200000" flipV="1">
            <a:off x="2269674" y="2584308"/>
            <a:ext cx="1584001" cy="22878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65" name="Text Box 50">
            <a:extLst>
              <a:ext uri="{FF2B5EF4-FFF2-40B4-BE49-F238E27FC236}">
                <a16:creationId xmlns:a16="http://schemas.microsoft.com/office/drawing/2014/main" id="{61AB342D-1464-4717-9914-B3A2E456E60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41038" y="2465771"/>
            <a:ext cx="1290101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(20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)</a:t>
            </a:r>
            <a:r>
              <a:rPr lang="en-US" altLang="zh-TW" sz="2000" dirty="0">
                <a:solidFill>
                  <a:srgbClr val="FF00FF"/>
                </a:solidFill>
              </a:rPr>
              <a:t>m</a:t>
            </a:r>
          </a:p>
        </p:txBody>
      </p:sp>
      <p:sp>
        <p:nvSpPr>
          <p:cNvPr id="59" name="Text Box 9">
            <a:extLst>
              <a:ext uri="{FF2B5EF4-FFF2-40B4-BE49-F238E27FC236}">
                <a16:creationId xmlns:a16="http://schemas.microsoft.com/office/drawing/2014/main" id="{B51AAFA0-219D-481D-AE5C-71FF4086C6A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58025" y="4823122"/>
            <a:ext cx="6819125" cy="13849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立體的體積是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lnSpc>
                <a:spcPts val="3600"/>
              </a:lnSpc>
            </a:pP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  28×20×2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(28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×2) × (2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)×(2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)</a:t>
            </a:r>
          </a:p>
          <a:p>
            <a:pPr lvl="0">
              <a:defRPr/>
            </a:pP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6080(m³)</a:t>
            </a:r>
            <a:endParaRPr lang="zh-CN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0" name="Text Box 9">
            <a:extLst>
              <a:ext uri="{FF2B5EF4-FFF2-40B4-BE49-F238E27FC236}">
                <a16:creationId xmlns:a16="http://schemas.microsoft.com/office/drawing/2014/main" id="{63E479E6-47D0-4F89-92BB-DB9A29B8670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56747" y="4247738"/>
            <a:ext cx="1153069" cy="5203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6080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27455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3.7037E-6 L 0.46198 0.00024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309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0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3000"/>
                            </p:stCondLst>
                            <p:childTnLst>
                              <p:par>
                                <p:cTn id="6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6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7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30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1000"/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4000"/>
                            </p:stCondLst>
                            <p:childTnLst>
                              <p:par>
                                <p:cTn id="10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1000"/>
                                        <p:tgtEl>
                                          <p:spTgt spid="5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5000"/>
                            </p:stCondLst>
                            <p:childTnLst>
                              <p:par>
                                <p:cTn id="10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1000"/>
                                        <p:tgtEl>
                                          <p:spTgt spid="5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2" grpId="0"/>
      <p:bldP spid="33" grpId="0"/>
      <p:bldP spid="34" grpId="0"/>
      <p:bldP spid="11" grpId="0" animBg="1"/>
      <p:bldP spid="11" grpId="1" animBg="1"/>
      <p:bldP spid="37" grpId="0" animBg="1"/>
      <p:bldP spid="37" grpId="1" animBg="1"/>
      <p:bldP spid="38" grpId="0" animBg="1"/>
      <p:bldP spid="38" grpId="1" animBg="1"/>
      <p:bldP spid="53" grpId="0" animBg="1"/>
      <p:bldP spid="54" grpId="0" animBg="1"/>
      <p:bldP spid="55" grpId="0" animBg="1"/>
      <p:bldP spid="55" grpId="1" animBg="1"/>
      <p:bldP spid="56" grpId="0" animBg="1"/>
      <p:bldP spid="56" grpId="1" animBg="1"/>
      <p:bldP spid="57" grpId="0" animBg="1"/>
      <p:bldP spid="57" grpId="1" animBg="1"/>
      <p:bldP spid="61" grpId="0"/>
      <p:bldP spid="61" grpId="1"/>
      <p:bldP spid="62" grpId="0" animBg="1"/>
      <p:bldP spid="62" grpId="1" animBg="1"/>
      <p:bldP spid="63" grpId="0"/>
      <p:bldP spid="63" grpId="1"/>
      <p:bldP spid="64" grpId="0" animBg="1"/>
      <p:bldP spid="65" grpId="0"/>
      <p:bldP spid="59" grpId="0" build="allAtOnce"/>
      <p:bldP spid="6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52" name="组合 351">
            <a:extLst>
              <a:ext uri="{FF2B5EF4-FFF2-40B4-BE49-F238E27FC236}">
                <a16:creationId xmlns:a16="http://schemas.microsoft.com/office/drawing/2014/main" id="{D2C19746-7FF3-4673-B13D-A90E502BF1D0}"/>
              </a:ext>
            </a:extLst>
          </p:cNvPr>
          <p:cNvGrpSpPr/>
          <p:nvPr/>
        </p:nvGrpSpPr>
        <p:grpSpPr>
          <a:xfrm>
            <a:off x="416197" y="3278857"/>
            <a:ext cx="8281236" cy="3008098"/>
            <a:chOff x="416197" y="2896077"/>
            <a:chExt cx="8281236" cy="3008098"/>
          </a:xfrm>
        </p:grpSpPr>
        <p:grpSp>
          <p:nvGrpSpPr>
            <p:cNvPr id="353" name="组合 352">
              <a:extLst>
                <a:ext uri="{FF2B5EF4-FFF2-40B4-BE49-F238E27FC236}">
                  <a16:creationId xmlns:a16="http://schemas.microsoft.com/office/drawing/2014/main" id="{5CD146D6-BEA4-48E5-8F68-431FE34A0F6A}"/>
                </a:ext>
              </a:extLst>
            </p:cNvPr>
            <p:cNvGrpSpPr/>
            <p:nvPr/>
          </p:nvGrpSpPr>
          <p:grpSpPr>
            <a:xfrm>
              <a:off x="416197" y="2896077"/>
              <a:ext cx="8281236" cy="2957092"/>
              <a:chOff x="416197" y="838026"/>
              <a:chExt cx="8281236" cy="2957092"/>
            </a:xfrm>
          </p:grpSpPr>
          <p:sp>
            <p:nvSpPr>
              <p:cNvPr id="369" name="文本框 368">
                <a:extLst>
                  <a:ext uri="{FF2B5EF4-FFF2-40B4-BE49-F238E27FC236}">
                    <a16:creationId xmlns:a16="http://schemas.microsoft.com/office/drawing/2014/main" id="{A34672F7-E0D2-47C2-8CF6-A6F7E370EA72}"/>
                  </a:ext>
                </a:extLst>
              </p:cNvPr>
              <p:cNvSpPr txBox="1"/>
              <p:nvPr/>
            </p:nvSpPr>
            <p:spPr>
              <a:xfrm>
                <a:off x="416197" y="838026"/>
                <a:ext cx="8281236" cy="295709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4400"/>
                  </a:lnSpc>
                </a:pPr>
                <a:r>
                  <a:rPr lang="en-US" altLang="zh-CN" sz="2800" b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上圖是一個正方體盒子的摺紙圖樣。當把它摺成  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>
                  <a:lnSpc>
                    <a:spcPts val="44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盒子後，        是盒子的頂部。該盒子的底部是以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>
                  <a:lnSpc>
                    <a:spcPts val="44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下哪一個圖樣？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 indent="539735">
                  <a:lnSpc>
                    <a:spcPts val="48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A.                                      B. </a:t>
                </a:r>
              </a:p>
              <a:p>
                <a:pPr indent="539735">
                  <a:lnSpc>
                    <a:spcPts val="48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C.                                      D.   </a:t>
                </a:r>
              </a:p>
            </p:txBody>
          </p:sp>
          <p:sp>
            <p:nvSpPr>
              <p:cNvPr id="370" name="椭圆 369">
                <a:extLst>
                  <a:ext uri="{FF2B5EF4-FFF2-40B4-BE49-F238E27FC236}">
                    <a16:creationId xmlns:a16="http://schemas.microsoft.com/office/drawing/2014/main" id="{1C930A6D-55EC-45B7-B724-D85CA028E34D}"/>
                  </a:ext>
                </a:extLst>
              </p:cNvPr>
              <p:cNvSpPr/>
              <p:nvPr/>
            </p:nvSpPr>
            <p:spPr>
              <a:xfrm>
                <a:off x="4339271" y="3361624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371" name="椭圆 370">
                <a:extLst>
                  <a:ext uri="{FF2B5EF4-FFF2-40B4-BE49-F238E27FC236}">
                    <a16:creationId xmlns:a16="http://schemas.microsoft.com/office/drawing/2014/main" id="{2E4FC54A-0921-412A-9E92-03E7A156C888}"/>
                  </a:ext>
                </a:extLst>
              </p:cNvPr>
              <p:cNvSpPr/>
              <p:nvPr/>
            </p:nvSpPr>
            <p:spPr>
              <a:xfrm>
                <a:off x="4339271" y="2752432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372" name="椭圆 371">
                <a:extLst>
                  <a:ext uri="{FF2B5EF4-FFF2-40B4-BE49-F238E27FC236}">
                    <a16:creationId xmlns:a16="http://schemas.microsoft.com/office/drawing/2014/main" id="{67D61901-7123-4909-B261-A900FCEEF74B}"/>
                  </a:ext>
                </a:extLst>
              </p:cNvPr>
              <p:cNvSpPr/>
              <p:nvPr/>
            </p:nvSpPr>
            <p:spPr>
              <a:xfrm>
                <a:off x="944052" y="2742426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373" name="椭圆 372">
                <a:extLst>
                  <a:ext uri="{FF2B5EF4-FFF2-40B4-BE49-F238E27FC236}">
                    <a16:creationId xmlns:a16="http://schemas.microsoft.com/office/drawing/2014/main" id="{7FD2B675-8A9A-46BE-A0A8-3997BBC23247}"/>
                  </a:ext>
                </a:extLst>
              </p:cNvPr>
              <p:cNvSpPr/>
              <p:nvPr/>
            </p:nvSpPr>
            <p:spPr>
              <a:xfrm>
                <a:off x="950116" y="3371142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</p:grpSp>
        <p:grpSp>
          <p:nvGrpSpPr>
            <p:cNvPr id="354" name="组合 353">
              <a:extLst>
                <a:ext uri="{FF2B5EF4-FFF2-40B4-BE49-F238E27FC236}">
                  <a16:creationId xmlns:a16="http://schemas.microsoft.com/office/drawing/2014/main" id="{2D3EDCB4-26A3-41D4-A3FC-00A1FEC6A9AB}"/>
                </a:ext>
              </a:extLst>
            </p:cNvPr>
            <p:cNvGrpSpPr/>
            <p:nvPr/>
          </p:nvGrpSpPr>
          <p:grpSpPr>
            <a:xfrm>
              <a:off x="5139809" y="5355685"/>
              <a:ext cx="540000" cy="540000"/>
              <a:chOff x="4798162" y="962578"/>
              <a:chExt cx="540000" cy="540000"/>
            </a:xfrm>
          </p:grpSpPr>
          <p:sp>
            <p:nvSpPr>
              <p:cNvPr id="367" name="矩形 366">
                <a:extLst>
                  <a:ext uri="{FF2B5EF4-FFF2-40B4-BE49-F238E27FC236}">
                    <a16:creationId xmlns:a16="http://schemas.microsoft.com/office/drawing/2014/main" id="{8976B8D9-FB7C-48E2-BD88-20B537731382}"/>
                  </a:ext>
                </a:extLst>
              </p:cNvPr>
              <p:cNvSpPr/>
              <p:nvPr/>
            </p:nvSpPr>
            <p:spPr>
              <a:xfrm>
                <a:off x="4798162" y="962578"/>
                <a:ext cx="540000" cy="540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368" name="图片 367">
                <a:extLst>
                  <a:ext uri="{FF2B5EF4-FFF2-40B4-BE49-F238E27FC236}">
                    <a16:creationId xmlns:a16="http://schemas.microsoft.com/office/drawing/2014/main" id="{B46D5AC0-A9F1-4AFA-A994-5BD8F2FD1C5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23252" y="1107453"/>
                <a:ext cx="298167" cy="280277"/>
              </a:xfrm>
              <a:prstGeom prst="rect">
                <a:avLst/>
              </a:prstGeom>
            </p:spPr>
          </p:pic>
        </p:grpSp>
        <p:grpSp>
          <p:nvGrpSpPr>
            <p:cNvPr id="355" name="组合 354">
              <a:extLst>
                <a:ext uri="{FF2B5EF4-FFF2-40B4-BE49-F238E27FC236}">
                  <a16:creationId xmlns:a16="http://schemas.microsoft.com/office/drawing/2014/main" id="{C28E2128-B22F-4F40-A19A-941A9B99F1EA}"/>
                </a:ext>
              </a:extLst>
            </p:cNvPr>
            <p:cNvGrpSpPr/>
            <p:nvPr/>
          </p:nvGrpSpPr>
          <p:grpSpPr>
            <a:xfrm>
              <a:off x="1838966" y="5364175"/>
              <a:ext cx="540000" cy="540000"/>
              <a:chOff x="4790211" y="1577912"/>
              <a:chExt cx="540000" cy="540000"/>
            </a:xfrm>
          </p:grpSpPr>
          <p:sp>
            <p:nvSpPr>
              <p:cNvPr id="365" name="矩形 364">
                <a:extLst>
                  <a:ext uri="{FF2B5EF4-FFF2-40B4-BE49-F238E27FC236}">
                    <a16:creationId xmlns:a16="http://schemas.microsoft.com/office/drawing/2014/main" id="{48429903-7788-40C5-BDCD-2E8E95DB9FA4}"/>
                  </a:ext>
                </a:extLst>
              </p:cNvPr>
              <p:cNvSpPr/>
              <p:nvPr/>
            </p:nvSpPr>
            <p:spPr>
              <a:xfrm>
                <a:off x="4790211" y="1577912"/>
                <a:ext cx="540000" cy="540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366" name="图片 365">
                <a:extLst>
                  <a:ext uri="{FF2B5EF4-FFF2-40B4-BE49-F238E27FC236}">
                    <a16:creationId xmlns:a16="http://schemas.microsoft.com/office/drawing/2014/main" id="{11ECA95C-A02F-4B48-8EC0-2E59B8FFBF6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17412" y="1720750"/>
                <a:ext cx="298526" cy="298526"/>
              </a:xfrm>
              <a:prstGeom prst="rect">
                <a:avLst/>
              </a:prstGeom>
            </p:spPr>
          </p:pic>
        </p:grpSp>
        <p:grpSp>
          <p:nvGrpSpPr>
            <p:cNvPr id="356" name="组合 355">
              <a:extLst>
                <a:ext uri="{FF2B5EF4-FFF2-40B4-BE49-F238E27FC236}">
                  <a16:creationId xmlns:a16="http://schemas.microsoft.com/office/drawing/2014/main" id="{DD669BBE-7CCC-4B78-A1A7-21B8F879C102}"/>
                </a:ext>
              </a:extLst>
            </p:cNvPr>
            <p:cNvGrpSpPr/>
            <p:nvPr/>
          </p:nvGrpSpPr>
          <p:grpSpPr>
            <a:xfrm>
              <a:off x="1849599" y="4708271"/>
              <a:ext cx="540000" cy="540000"/>
              <a:chOff x="3506493" y="1624310"/>
              <a:chExt cx="540000" cy="540000"/>
            </a:xfrm>
          </p:grpSpPr>
          <p:sp>
            <p:nvSpPr>
              <p:cNvPr id="363" name="矩形 362">
                <a:extLst>
                  <a:ext uri="{FF2B5EF4-FFF2-40B4-BE49-F238E27FC236}">
                    <a16:creationId xmlns:a16="http://schemas.microsoft.com/office/drawing/2014/main" id="{EE30326B-D7D2-40FD-BBC8-7BE7A913BC11}"/>
                  </a:ext>
                </a:extLst>
              </p:cNvPr>
              <p:cNvSpPr/>
              <p:nvPr/>
            </p:nvSpPr>
            <p:spPr>
              <a:xfrm>
                <a:off x="3506493" y="1624310"/>
                <a:ext cx="540000" cy="540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364" name="图片 363">
                <a:extLst>
                  <a:ext uri="{FF2B5EF4-FFF2-40B4-BE49-F238E27FC236}">
                    <a16:creationId xmlns:a16="http://schemas.microsoft.com/office/drawing/2014/main" id="{A749FFB1-8535-4D95-88A7-F12B8F1530E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32966" y="1742745"/>
                <a:ext cx="270294" cy="304800"/>
              </a:xfrm>
              <a:prstGeom prst="rect">
                <a:avLst/>
              </a:prstGeom>
            </p:spPr>
          </p:pic>
        </p:grpSp>
        <p:grpSp>
          <p:nvGrpSpPr>
            <p:cNvPr id="357" name="组合 356">
              <a:extLst>
                <a:ext uri="{FF2B5EF4-FFF2-40B4-BE49-F238E27FC236}">
                  <a16:creationId xmlns:a16="http://schemas.microsoft.com/office/drawing/2014/main" id="{F715CA08-42F0-4FC0-ABD4-3BF31C27B6D9}"/>
                </a:ext>
              </a:extLst>
            </p:cNvPr>
            <p:cNvGrpSpPr/>
            <p:nvPr/>
          </p:nvGrpSpPr>
          <p:grpSpPr>
            <a:xfrm>
              <a:off x="2363801" y="3492297"/>
              <a:ext cx="540000" cy="540000"/>
              <a:chOff x="2920924" y="2328210"/>
              <a:chExt cx="540000" cy="540000"/>
            </a:xfrm>
          </p:grpSpPr>
          <p:sp>
            <p:nvSpPr>
              <p:cNvPr id="361" name="矩形 360">
                <a:extLst>
                  <a:ext uri="{FF2B5EF4-FFF2-40B4-BE49-F238E27FC236}">
                    <a16:creationId xmlns:a16="http://schemas.microsoft.com/office/drawing/2014/main" id="{2895040D-D6F3-48A7-B6F6-611D77AB522D}"/>
                  </a:ext>
                </a:extLst>
              </p:cNvPr>
              <p:cNvSpPr/>
              <p:nvPr/>
            </p:nvSpPr>
            <p:spPr>
              <a:xfrm>
                <a:off x="2920924" y="2328210"/>
                <a:ext cx="540000" cy="540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62" name="图片 361">
                <a:extLst>
                  <a:ext uri="{FF2B5EF4-FFF2-40B4-BE49-F238E27FC236}">
                    <a16:creationId xmlns:a16="http://schemas.microsoft.com/office/drawing/2014/main" id="{CAE4FA7C-BE89-48CF-9329-3BD19124AB3B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066430" y="2450425"/>
                <a:ext cx="271925" cy="288920"/>
              </a:xfrm>
              <a:prstGeom prst="rect">
                <a:avLst/>
              </a:prstGeom>
            </p:spPr>
          </p:pic>
        </p:grpSp>
        <p:grpSp>
          <p:nvGrpSpPr>
            <p:cNvPr id="358" name="组合 357">
              <a:extLst>
                <a:ext uri="{FF2B5EF4-FFF2-40B4-BE49-F238E27FC236}">
                  <a16:creationId xmlns:a16="http://schemas.microsoft.com/office/drawing/2014/main" id="{3F26BE83-9C3D-4BC3-84AA-1B3EF2D585DD}"/>
                </a:ext>
              </a:extLst>
            </p:cNvPr>
            <p:cNvGrpSpPr/>
            <p:nvPr/>
          </p:nvGrpSpPr>
          <p:grpSpPr>
            <a:xfrm>
              <a:off x="5139809" y="4695041"/>
              <a:ext cx="540000" cy="540000"/>
              <a:chOff x="4153588" y="1695403"/>
              <a:chExt cx="540000" cy="540000"/>
            </a:xfrm>
          </p:grpSpPr>
          <p:sp>
            <p:nvSpPr>
              <p:cNvPr id="359" name="矩形 358">
                <a:extLst>
                  <a:ext uri="{FF2B5EF4-FFF2-40B4-BE49-F238E27FC236}">
                    <a16:creationId xmlns:a16="http://schemas.microsoft.com/office/drawing/2014/main" id="{43AB7DCC-7382-4BCF-9AE2-7D7A7313498A}"/>
                  </a:ext>
                </a:extLst>
              </p:cNvPr>
              <p:cNvSpPr/>
              <p:nvPr/>
            </p:nvSpPr>
            <p:spPr>
              <a:xfrm>
                <a:off x="4153588" y="1695403"/>
                <a:ext cx="540000" cy="540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60" name="图片 359">
                <a:extLst>
                  <a:ext uri="{FF2B5EF4-FFF2-40B4-BE49-F238E27FC236}">
                    <a16:creationId xmlns:a16="http://schemas.microsoft.com/office/drawing/2014/main" id="{8CA8DC60-63C1-4D61-80DB-3826B1DA26E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258315" y="1803576"/>
                <a:ext cx="333987" cy="346590"/>
              </a:xfrm>
              <a:prstGeom prst="rect">
                <a:avLst/>
              </a:prstGeom>
            </p:spPr>
          </p:pic>
        </p:grpSp>
      </p:grp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6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grpSp>
        <p:nvGrpSpPr>
          <p:cNvPr id="92" name="组合 91">
            <a:extLst>
              <a:ext uri="{FF2B5EF4-FFF2-40B4-BE49-F238E27FC236}">
                <a16:creationId xmlns:a16="http://schemas.microsoft.com/office/drawing/2014/main" id="{C1996F3C-1D84-4CF6-BE81-C943B483B72C}"/>
              </a:ext>
            </a:extLst>
          </p:cNvPr>
          <p:cNvGrpSpPr/>
          <p:nvPr/>
        </p:nvGrpSpPr>
        <p:grpSpPr>
          <a:xfrm>
            <a:off x="2883745" y="1043170"/>
            <a:ext cx="2591601" cy="1940662"/>
            <a:chOff x="5149982" y="978938"/>
            <a:chExt cx="2591601" cy="1940662"/>
          </a:xfrm>
        </p:grpSpPr>
        <p:grpSp>
          <p:nvGrpSpPr>
            <p:cNvPr id="93" name="组合 92">
              <a:extLst>
                <a:ext uri="{FF2B5EF4-FFF2-40B4-BE49-F238E27FC236}">
                  <a16:creationId xmlns:a16="http://schemas.microsoft.com/office/drawing/2014/main" id="{A76C8139-0C3C-446D-8C63-B6222A0D14AE}"/>
                </a:ext>
              </a:extLst>
            </p:cNvPr>
            <p:cNvGrpSpPr/>
            <p:nvPr/>
          </p:nvGrpSpPr>
          <p:grpSpPr>
            <a:xfrm>
              <a:off x="7093583" y="978938"/>
              <a:ext cx="648000" cy="648000"/>
              <a:chOff x="4798162" y="1037009"/>
              <a:chExt cx="648000" cy="648000"/>
            </a:xfrm>
          </p:grpSpPr>
          <p:sp>
            <p:nvSpPr>
              <p:cNvPr id="119" name="矩形 118">
                <a:extLst>
                  <a:ext uri="{FF2B5EF4-FFF2-40B4-BE49-F238E27FC236}">
                    <a16:creationId xmlns:a16="http://schemas.microsoft.com/office/drawing/2014/main" id="{40E0E193-B7D7-4273-8499-06DC6E300897}"/>
                  </a:ext>
                </a:extLst>
              </p:cNvPr>
              <p:cNvSpPr/>
              <p:nvPr/>
            </p:nvSpPr>
            <p:spPr>
              <a:xfrm>
                <a:off x="4798162" y="1037009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20" name="图片 119">
                <a:extLst>
                  <a:ext uri="{FF2B5EF4-FFF2-40B4-BE49-F238E27FC236}">
                    <a16:creationId xmlns:a16="http://schemas.microsoft.com/office/drawing/2014/main" id="{D6187E87-A34F-4279-99CE-BB63C1A41A8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5151" y="1235049"/>
                <a:ext cx="298167" cy="280277"/>
              </a:xfrm>
              <a:prstGeom prst="rect">
                <a:avLst/>
              </a:prstGeom>
            </p:spPr>
          </p:pic>
        </p:grpSp>
        <p:grpSp>
          <p:nvGrpSpPr>
            <p:cNvPr id="95" name="组合 94">
              <a:extLst>
                <a:ext uri="{FF2B5EF4-FFF2-40B4-BE49-F238E27FC236}">
                  <a16:creationId xmlns:a16="http://schemas.microsoft.com/office/drawing/2014/main" id="{79546982-8090-4E7A-BE4D-8B9718DA8EF0}"/>
                </a:ext>
              </a:extLst>
            </p:cNvPr>
            <p:cNvGrpSpPr/>
            <p:nvPr/>
          </p:nvGrpSpPr>
          <p:grpSpPr>
            <a:xfrm>
              <a:off x="7093583" y="1626938"/>
              <a:ext cx="648000" cy="648000"/>
              <a:chOff x="4800844" y="1684242"/>
              <a:chExt cx="648000" cy="648000"/>
            </a:xfrm>
          </p:grpSpPr>
          <p:sp>
            <p:nvSpPr>
              <p:cNvPr id="117" name="矩形 116">
                <a:extLst>
                  <a:ext uri="{FF2B5EF4-FFF2-40B4-BE49-F238E27FC236}">
                    <a16:creationId xmlns:a16="http://schemas.microsoft.com/office/drawing/2014/main" id="{B46D2CC4-F605-4AD6-8888-592E4E5DD78F}"/>
                  </a:ext>
                </a:extLst>
              </p:cNvPr>
              <p:cNvSpPr/>
              <p:nvPr/>
            </p:nvSpPr>
            <p:spPr>
              <a:xfrm>
                <a:off x="4800844" y="1684242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18" name="图片 117">
                <a:extLst>
                  <a:ext uri="{FF2B5EF4-FFF2-40B4-BE49-F238E27FC236}">
                    <a16:creationId xmlns:a16="http://schemas.microsoft.com/office/drawing/2014/main" id="{265453C8-ACA0-4579-BDDA-2FFACCFCA7B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9944" y="1858979"/>
                <a:ext cx="298526" cy="298526"/>
              </a:xfrm>
              <a:prstGeom prst="rect">
                <a:avLst/>
              </a:prstGeom>
            </p:spPr>
          </p:pic>
        </p:grpSp>
        <p:grpSp>
          <p:nvGrpSpPr>
            <p:cNvPr id="100" name="组合 99">
              <a:extLst>
                <a:ext uri="{FF2B5EF4-FFF2-40B4-BE49-F238E27FC236}">
                  <a16:creationId xmlns:a16="http://schemas.microsoft.com/office/drawing/2014/main" id="{59D7EA4E-2247-4510-9BE7-A1E1A7A62CA7}"/>
                </a:ext>
              </a:extLst>
            </p:cNvPr>
            <p:cNvGrpSpPr/>
            <p:nvPr/>
          </p:nvGrpSpPr>
          <p:grpSpPr>
            <a:xfrm>
              <a:off x="6446866" y="1623600"/>
              <a:ext cx="648000" cy="648000"/>
              <a:chOff x="4153588" y="1695403"/>
              <a:chExt cx="648000" cy="648000"/>
            </a:xfrm>
          </p:grpSpPr>
          <p:sp>
            <p:nvSpPr>
              <p:cNvPr id="115" name="矩形 114">
                <a:extLst>
                  <a:ext uri="{FF2B5EF4-FFF2-40B4-BE49-F238E27FC236}">
                    <a16:creationId xmlns:a16="http://schemas.microsoft.com/office/drawing/2014/main" id="{75614B38-7B3C-4E27-BCC1-82B219DD37A7}"/>
                  </a:ext>
                </a:extLst>
              </p:cNvPr>
              <p:cNvSpPr/>
              <p:nvPr/>
            </p:nvSpPr>
            <p:spPr>
              <a:xfrm>
                <a:off x="4153588" y="1695403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16" name="图片 115">
                <a:extLst>
                  <a:ext uri="{FF2B5EF4-FFF2-40B4-BE49-F238E27FC236}">
                    <a16:creationId xmlns:a16="http://schemas.microsoft.com/office/drawing/2014/main" id="{02932970-5C80-4262-A749-D6C23780B83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311480" y="1846108"/>
                <a:ext cx="333987" cy="346590"/>
              </a:xfrm>
              <a:prstGeom prst="rect">
                <a:avLst/>
              </a:prstGeom>
            </p:spPr>
          </p:pic>
        </p:grpSp>
        <p:grpSp>
          <p:nvGrpSpPr>
            <p:cNvPr id="101" name="组合 100">
              <a:extLst>
                <a:ext uri="{FF2B5EF4-FFF2-40B4-BE49-F238E27FC236}">
                  <a16:creationId xmlns:a16="http://schemas.microsoft.com/office/drawing/2014/main" id="{153AAFC4-DA57-4FB9-92D4-ADE8C6E8C3BE}"/>
                </a:ext>
              </a:extLst>
            </p:cNvPr>
            <p:cNvGrpSpPr/>
            <p:nvPr/>
          </p:nvGrpSpPr>
          <p:grpSpPr>
            <a:xfrm>
              <a:off x="5794273" y="1623600"/>
              <a:ext cx="648000" cy="648000"/>
              <a:chOff x="3506493" y="1677475"/>
              <a:chExt cx="648000" cy="648000"/>
            </a:xfrm>
          </p:grpSpPr>
          <p:sp>
            <p:nvSpPr>
              <p:cNvPr id="113" name="矩形 112">
                <a:extLst>
                  <a:ext uri="{FF2B5EF4-FFF2-40B4-BE49-F238E27FC236}">
                    <a16:creationId xmlns:a16="http://schemas.microsoft.com/office/drawing/2014/main" id="{535664DD-8733-4957-9170-00F1D8CA6DDC}"/>
                  </a:ext>
                </a:extLst>
              </p:cNvPr>
              <p:cNvSpPr/>
              <p:nvPr/>
            </p:nvSpPr>
            <p:spPr>
              <a:xfrm>
                <a:off x="3506493" y="1677475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14" name="图片 113">
                <a:extLst>
                  <a:ext uri="{FF2B5EF4-FFF2-40B4-BE49-F238E27FC236}">
                    <a16:creationId xmlns:a16="http://schemas.microsoft.com/office/drawing/2014/main" id="{DBB076E3-EAED-414D-A750-28D8B5CF29F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86131" y="1849075"/>
                <a:ext cx="270294" cy="304800"/>
              </a:xfrm>
              <a:prstGeom prst="rect">
                <a:avLst/>
              </a:prstGeom>
            </p:spPr>
          </p:pic>
        </p:grpSp>
        <p:grpSp>
          <p:nvGrpSpPr>
            <p:cNvPr id="102" name="组合 101">
              <a:extLst>
                <a:ext uri="{FF2B5EF4-FFF2-40B4-BE49-F238E27FC236}">
                  <a16:creationId xmlns:a16="http://schemas.microsoft.com/office/drawing/2014/main" id="{DFD7DB2A-5252-4E84-8C90-DF0A3DDCECAD}"/>
                </a:ext>
              </a:extLst>
            </p:cNvPr>
            <p:cNvGrpSpPr/>
            <p:nvPr/>
          </p:nvGrpSpPr>
          <p:grpSpPr>
            <a:xfrm>
              <a:off x="5796903" y="2271598"/>
              <a:ext cx="648000" cy="648000"/>
              <a:chOff x="3509417" y="2328873"/>
              <a:chExt cx="648000" cy="648000"/>
            </a:xfrm>
          </p:grpSpPr>
          <p:sp>
            <p:nvSpPr>
              <p:cNvPr id="111" name="矩形 110">
                <a:extLst>
                  <a:ext uri="{FF2B5EF4-FFF2-40B4-BE49-F238E27FC236}">
                    <a16:creationId xmlns:a16="http://schemas.microsoft.com/office/drawing/2014/main" id="{909262BB-878F-4220-82C3-AA453D01C7A6}"/>
                  </a:ext>
                </a:extLst>
              </p:cNvPr>
              <p:cNvSpPr/>
              <p:nvPr/>
            </p:nvSpPr>
            <p:spPr>
              <a:xfrm>
                <a:off x="3509417" y="2328873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112" name="图片 111">
                <a:extLst>
                  <a:ext uri="{FF2B5EF4-FFF2-40B4-BE49-F238E27FC236}">
                    <a16:creationId xmlns:a16="http://schemas.microsoft.com/office/drawing/2014/main" id="{29EBC888-DCEB-4C26-970B-460AA05A2A4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69551" y="2508797"/>
                <a:ext cx="322730" cy="288152"/>
              </a:xfrm>
              <a:prstGeom prst="rect">
                <a:avLst/>
              </a:prstGeom>
            </p:spPr>
          </p:pic>
        </p:grpSp>
        <p:grpSp>
          <p:nvGrpSpPr>
            <p:cNvPr id="103" name="组合 102">
              <a:extLst>
                <a:ext uri="{FF2B5EF4-FFF2-40B4-BE49-F238E27FC236}">
                  <a16:creationId xmlns:a16="http://schemas.microsoft.com/office/drawing/2014/main" id="{F209527B-B7A5-423A-BDA7-C898EEEFE2B2}"/>
                </a:ext>
              </a:extLst>
            </p:cNvPr>
            <p:cNvGrpSpPr/>
            <p:nvPr/>
          </p:nvGrpSpPr>
          <p:grpSpPr>
            <a:xfrm>
              <a:off x="5149982" y="2271600"/>
              <a:ext cx="648000" cy="648000"/>
              <a:chOff x="2859961" y="2328210"/>
              <a:chExt cx="648000" cy="648000"/>
            </a:xfrm>
          </p:grpSpPr>
          <p:sp>
            <p:nvSpPr>
              <p:cNvPr id="108" name="矩形 107">
                <a:extLst>
                  <a:ext uri="{FF2B5EF4-FFF2-40B4-BE49-F238E27FC236}">
                    <a16:creationId xmlns:a16="http://schemas.microsoft.com/office/drawing/2014/main" id="{024DBF86-11E8-4D87-AC7C-33B0F7B60660}"/>
                  </a:ext>
                </a:extLst>
              </p:cNvPr>
              <p:cNvSpPr/>
              <p:nvPr/>
            </p:nvSpPr>
            <p:spPr>
              <a:xfrm>
                <a:off x="2859961" y="2328210"/>
                <a:ext cx="648000" cy="648000"/>
              </a:xfrm>
              <a:prstGeom prst="rect">
                <a:avLst/>
              </a:prstGeom>
              <a:no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109" name="图片 108">
                <a:extLst>
                  <a:ext uri="{FF2B5EF4-FFF2-40B4-BE49-F238E27FC236}">
                    <a16:creationId xmlns:a16="http://schemas.microsoft.com/office/drawing/2014/main" id="{C7581C78-05A4-451A-9FD0-7569C26F73A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047999" y="2503590"/>
                <a:ext cx="271925" cy="288920"/>
              </a:xfrm>
              <a:prstGeom prst="rect">
                <a:avLst/>
              </a:prstGeom>
            </p:spPr>
          </p:pic>
        </p:grpSp>
      </p:grp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2C803C5F-26D2-41A3-8BA1-ACD2E95E62DA}"/>
              </a:ext>
            </a:extLst>
          </p:cNvPr>
          <p:cNvGrpSpPr/>
          <p:nvPr/>
        </p:nvGrpSpPr>
        <p:grpSpPr>
          <a:xfrm>
            <a:off x="2169900" y="896182"/>
            <a:ext cx="3305081" cy="802049"/>
            <a:chOff x="3116274" y="3014887"/>
            <a:chExt cx="3305081" cy="802049"/>
          </a:xfrm>
          <a:solidFill>
            <a:srgbClr val="FFFFFF"/>
          </a:solidFill>
        </p:grpSpPr>
        <p:grpSp>
          <p:nvGrpSpPr>
            <p:cNvPr id="13" name="组合 12">
              <a:extLst>
                <a:ext uri="{FF2B5EF4-FFF2-40B4-BE49-F238E27FC236}">
                  <a16:creationId xmlns:a16="http://schemas.microsoft.com/office/drawing/2014/main" id="{010E108B-FCA2-4252-9F20-A299B9C268B0}"/>
                </a:ext>
              </a:extLst>
            </p:cNvPr>
            <p:cNvGrpSpPr/>
            <p:nvPr/>
          </p:nvGrpSpPr>
          <p:grpSpPr>
            <a:xfrm>
              <a:off x="5299233" y="3281841"/>
              <a:ext cx="886125" cy="267000"/>
              <a:chOff x="5299233" y="3281841"/>
              <a:chExt cx="886125" cy="267000"/>
            </a:xfrm>
            <a:grpFill/>
          </p:grpSpPr>
          <p:sp>
            <p:nvSpPr>
              <p:cNvPr id="210" name="矩形 47">
                <a:extLst>
                  <a:ext uri="{FF2B5EF4-FFF2-40B4-BE49-F238E27FC236}">
                    <a16:creationId xmlns:a16="http://schemas.microsoft.com/office/drawing/2014/main" id="{E18D061E-8681-4143-B931-98BA07B01E87}"/>
                  </a:ext>
                </a:extLst>
              </p:cNvPr>
              <p:cNvSpPr/>
              <p:nvPr/>
            </p:nvSpPr>
            <p:spPr>
              <a:xfrm>
                <a:off x="5299233" y="328184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2" name="图片 211">
                <a:extLst>
                  <a:ext uri="{FF2B5EF4-FFF2-40B4-BE49-F238E27FC236}">
                    <a16:creationId xmlns:a16="http://schemas.microsoft.com/office/drawing/2014/main" id="{99875270-4EA6-4BBE-95EE-D0CF93F0DB5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5576674" y="3310161"/>
                <a:ext cx="269199" cy="217120"/>
              </a:xfrm>
              <a:prstGeom prst="rect">
                <a:avLst/>
              </a:prstGeom>
              <a:grpFill/>
            </p:spPr>
          </p:pic>
        </p:grpSp>
        <p:grpSp>
          <p:nvGrpSpPr>
            <p:cNvPr id="12" name="组合 11">
              <a:extLst>
                <a:ext uri="{FF2B5EF4-FFF2-40B4-BE49-F238E27FC236}">
                  <a16:creationId xmlns:a16="http://schemas.microsoft.com/office/drawing/2014/main" id="{5BD659E5-B64D-4317-849F-50B8DB352818}"/>
                </a:ext>
              </a:extLst>
            </p:cNvPr>
            <p:cNvGrpSpPr/>
            <p:nvPr/>
          </p:nvGrpSpPr>
          <p:grpSpPr>
            <a:xfrm>
              <a:off x="4649959" y="3286124"/>
              <a:ext cx="886125" cy="267000"/>
              <a:chOff x="4649959" y="3286124"/>
              <a:chExt cx="886125" cy="267000"/>
            </a:xfrm>
            <a:grpFill/>
          </p:grpSpPr>
          <p:sp>
            <p:nvSpPr>
              <p:cNvPr id="209" name="矩形 47">
                <a:extLst>
                  <a:ext uri="{FF2B5EF4-FFF2-40B4-BE49-F238E27FC236}">
                    <a16:creationId xmlns:a16="http://schemas.microsoft.com/office/drawing/2014/main" id="{06AA8432-F005-45A8-92B6-A6DD0B661C98}"/>
                  </a:ext>
                </a:extLst>
              </p:cNvPr>
              <p:cNvSpPr/>
              <p:nvPr/>
            </p:nvSpPr>
            <p:spPr>
              <a:xfrm>
                <a:off x="4649959" y="3286124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3" name="图片 212">
                <a:extLst>
                  <a:ext uri="{FF2B5EF4-FFF2-40B4-BE49-F238E27FC236}">
                    <a16:creationId xmlns:a16="http://schemas.microsoft.com/office/drawing/2014/main" id="{41B1C186-2E24-49CE-BC4F-7CDE420AE74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40613" y="3310161"/>
                <a:ext cx="301176" cy="218776"/>
              </a:xfrm>
              <a:prstGeom prst="rect">
                <a:avLst/>
              </a:prstGeom>
              <a:grpFill/>
            </p:spPr>
          </p:pic>
        </p:grpSp>
        <p:grpSp>
          <p:nvGrpSpPr>
            <p:cNvPr id="11" name="组合 10">
              <a:extLst>
                <a:ext uri="{FF2B5EF4-FFF2-40B4-BE49-F238E27FC236}">
                  <a16:creationId xmlns:a16="http://schemas.microsoft.com/office/drawing/2014/main" id="{05FEBE13-082E-46FA-AE21-06EE3B004429}"/>
                </a:ext>
              </a:extLst>
            </p:cNvPr>
            <p:cNvGrpSpPr/>
            <p:nvPr/>
          </p:nvGrpSpPr>
          <p:grpSpPr>
            <a:xfrm>
              <a:off x="4001545" y="3282982"/>
              <a:ext cx="886125" cy="267000"/>
              <a:chOff x="4001545" y="3282982"/>
              <a:chExt cx="886125" cy="267000"/>
            </a:xfrm>
            <a:grpFill/>
          </p:grpSpPr>
          <p:sp>
            <p:nvSpPr>
              <p:cNvPr id="208" name="矩形 47">
                <a:extLst>
                  <a:ext uri="{FF2B5EF4-FFF2-40B4-BE49-F238E27FC236}">
                    <a16:creationId xmlns:a16="http://schemas.microsoft.com/office/drawing/2014/main" id="{6249FB2B-F46F-4A85-A890-6E75FF90D1FD}"/>
                  </a:ext>
                </a:extLst>
              </p:cNvPr>
              <p:cNvSpPr/>
              <p:nvPr/>
            </p:nvSpPr>
            <p:spPr>
              <a:xfrm>
                <a:off x="4001545" y="3282982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4" name="图片 213">
                <a:extLst>
                  <a:ext uri="{FF2B5EF4-FFF2-40B4-BE49-F238E27FC236}">
                    <a16:creationId xmlns:a16="http://schemas.microsoft.com/office/drawing/2014/main" id="{34DEC097-4E93-48E5-90B8-BABFD31CE61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290208" y="3291458"/>
                <a:ext cx="243740" cy="235823"/>
              </a:xfrm>
              <a:prstGeom prst="rect">
                <a:avLst/>
              </a:prstGeom>
              <a:grpFill/>
            </p:spPr>
          </p:pic>
        </p:grpSp>
        <p:grpSp>
          <p:nvGrpSpPr>
            <p:cNvPr id="10" name="组合 9">
              <a:extLst>
                <a:ext uri="{FF2B5EF4-FFF2-40B4-BE49-F238E27FC236}">
                  <a16:creationId xmlns:a16="http://schemas.microsoft.com/office/drawing/2014/main" id="{358AF8E8-FDD4-434B-BCA9-86A868F15054}"/>
                </a:ext>
              </a:extLst>
            </p:cNvPr>
            <p:cNvGrpSpPr/>
            <p:nvPr/>
          </p:nvGrpSpPr>
          <p:grpSpPr>
            <a:xfrm>
              <a:off x="3765548" y="3549936"/>
              <a:ext cx="886125" cy="267000"/>
              <a:chOff x="3765548" y="3549936"/>
              <a:chExt cx="886125" cy="267000"/>
            </a:xfrm>
            <a:grpFill/>
          </p:grpSpPr>
          <p:sp>
            <p:nvSpPr>
              <p:cNvPr id="207" name="矩形 47">
                <a:extLst>
                  <a:ext uri="{FF2B5EF4-FFF2-40B4-BE49-F238E27FC236}">
                    <a16:creationId xmlns:a16="http://schemas.microsoft.com/office/drawing/2014/main" id="{6BB0605A-3467-4E1F-9882-5BAD9864E33A}"/>
                  </a:ext>
                </a:extLst>
              </p:cNvPr>
              <p:cNvSpPr/>
              <p:nvPr/>
            </p:nvSpPr>
            <p:spPr>
              <a:xfrm>
                <a:off x="3765548" y="3549936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5" name="图片 214">
                <a:extLst>
                  <a:ext uri="{FF2B5EF4-FFF2-40B4-BE49-F238E27FC236}">
                    <a16:creationId xmlns:a16="http://schemas.microsoft.com/office/drawing/2014/main" id="{BE14A3BF-56C3-4AD6-9132-2721D7F361AA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060922" y="3582073"/>
                <a:ext cx="291025" cy="222943"/>
              </a:xfrm>
              <a:prstGeom prst="rect">
                <a:avLst/>
              </a:prstGeom>
              <a:grpFill/>
            </p:spPr>
          </p:pic>
        </p:grpSp>
        <p:grpSp>
          <p:nvGrpSpPr>
            <p:cNvPr id="9" name="组合 8">
              <a:extLst>
                <a:ext uri="{FF2B5EF4-FFF2-40B4-BE49-F238E27FC236}">
                  <a16:creationId xmlns:a16="http://schemas.microsoft.com/office/drawing/2014/main" id="{9DB161C5-5CE8-4069-9E9C-EED8284EEC53}"/>
                </a:ext>
              </a:extLst>
            </p:cNvPr>
            <p:cNvGrpSpPr/>
            <p:nvPr/>
          </p:nvGrpSpPr>
          <p:grpSpPr>
            <a:xfrm>
              <a:off x="3116274" y="3548903"/>
              <a:ext cx="886125" cy="267000"/>
              <a:chOff x="3116274" y="3548903"/>
              <a:chExt cx="886125" cy="267000"/>
            </a:xfrm>
            <a:grpFill/>
          </p:grpSpPr>
          <p:sp>
            <p:nvSpPr>
              <p:cNvPr id="206" name="矩形 47">
                <a:extLst>
                  <a:ext uri="{FF2B5EF4-FFF2-40B4-BE49-F238E27FC236}">
                    <a16:creationId xmlns:a16="http://schemas.microsoft.com/office/drawing/2014/main" id="{872792F9-E1F3-497A-88D5-6FF9C2984432}"/>
                  </a:ext>
                </a:extLst>
              </p:cNvPr>
              <p:cNvSpPr/>
              <p:nvPr/>
            </p:nvSpPr>
            <p:spPr>
              <a:xfrm>
                <a:off x="3116274" y="3548903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6" name="图片 215">
                <a:extLst>
                  <a:ext uri="{FF2B5EF4-FFF2-40B4-BE49-F238E27FC236}">
                    <a16:creationId xmlns:a16="http://schemas.microsoft.com/office/drawing/2014/main" id="{76A017C9-B83C-48B1-80C2-49067C5CCC2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431274" y="3576081"/>
                <a:ext cx="245211" cy="223538"/>
              </a:xfrm>
              <a:prstGeom prst="rect">
                <a:avLst/>
              </a:prstGeom>
              <a:grpFill/>
            </p:spPr>
          </p:pic>
        </p:grpSp>
        <p:grpSp>
          <p:nvGrpSpPr>
            <p:cNvPr id="14" name="组合 13">
              <a:extLst>
                <a:ext uri="{FF2B5EF4-FFF2-40B4-BE49-F238E27FC236}">
                  <a16:creationId xmlns:a16="http://schemas.microsoft.com/office/drawing/2014/main" id="{7654DBC1-4AD3-4750-93AF-6E8080EC40BE}"/>
                </a:ext>
              </a:extLst>
            </p:cNvPr>
            <p:cNvGrpSpPr/>
            <p:nvPr/>
          </p:nvGrpSpPr>
          <p:grpSpPr>
            <a:xfrm>
              <a:off x="5535230" y="3014887"/>
              <a:ext cx="886125" cy="267000"/>
              <a:chOff x="5535230" y="3014887"/>
              <a:chExt cx="886125" cy="267000"/>
            </a:xfrm>
            <a:grpFill/>
          </p:grpSpPr>
          <p:sp>
            <p:nvSpPr>
              <p:cNvPr id="211" name="矩形 47">
                <a:extLst>
                  <a:ext uri="{FF2B5EF4-FFF2-40B4-BE49-F238E27FC236}">
                    <a16:creationId xmlns:a16="http://schemas.microsoft.com/office/drawing/2014/main" id="{A4D6EF47-B82C-4D76-915C-B61DA02839C6}"/>
                  </a:ext>
                </a:extLst>
              </p:cNvPr>
              <p:cNvSpPr/>
              <p:nvPr/>
            </p:nvSpPr>
            <p:spPr>
              <a:xfrm>
                <a:off x="5535230" y="3014887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17" name="图片 216">
                <a:extLst>
                  <a:ext uri="{FF2B5EF4-FFF2-40B4-BE49-F238E27FC236}">
                    <a16:creationId xmlns:a16="http://schemas.microsoft.com/office/drawing/2014/main" id="{59330E1A-B363-44DB-B7C5-14B83728B7A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5811520" y="3035982"/>
                <a:ext cx="298167" cy="211369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A8AA9EBC-A1F5-4A30-A811-A5A3973CC0E1}"/>
              </a:ext>
            </a:extLst>
          </p:cNvPr>
          <p:cNvGrpSpPr/>
          <p:nvPr/>
        </p:nvGrpSpPr>
        <p:grpSpPr>
          <a:xfrm>
            <a:off x="2171276" y="1149523"/>
            <a:ext cx="1367531" cy="2202114"/>
            <a:chOff x="2621382" y="3661542"/>
            <a:chExt cx="1367531" cy="2202114"/>
          </a:xfrm>
          <a:solidFill>
            <a:srgbClr val="FFFFFF"/>
          </a:solidFill>
        </p:grpSpPr>
        <p:grpSp>
          <p:nvGrpSpPr>
            <p:cNvPr id="27" name="组合 26">
              <a:extLst>
                <a:ext uri="{FF2B5EF4-FFF2-40B4-BE49-F238E27FC236}">
                  <a16:creationId xmlns:a16="http://schemas.microsoft.com/office/drawing/2014/main" id="{34B655A2-B8E6-40F1-86B0-8E4FB8B5964F}"/>
                </a:ext>
              </a:extLst>
            </p:cNvPr>
            <p:cNvGrpSpPr/>
            <p:nvPr/>
          </p:nvGrpSpPr>
          <p:grpSpPr>
            <a:xfrm>
              <a:off x="2621382" y="3940311"/>
              <a:ext cx="886125" cy="267000"/>
              <a:chOff x="2621382" y="3940311"/>
              <a:chExt cx="886125" cy="267000"/>
            </a:xfrm>
            <a:grpFill/>
          </p:grpSpPr>
          <p:sp>
            <p:nvSpPr>
              <p:cNvPr id="218" name="矩形 47">
                <a:extLst>
                  <a:ext uri="{FF2B5EF4-FFF2-40B4-BE49-F238E27FC236}">
                    <a16:creationId xmlns:a16="http://schemas.microsoft.com/office/drawing/2014/main" id="{161DEB36-F787-45AA-9686-774DF4D9CE75}"/>
                  </a:ext>
                </a:extLst>
              </p:cNvPr>
              <p:cNvSpPr/>
              <p:nvPr/>
            </p:nvSpPr>
            <p:spPr>
              <a:xfrm>
                <a:off x="2621382" y="394031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181" name="图片 180">
                <a:extLst>
                  <a:ext uri="{FF2B5EF4-FFF2-40B4-BE49-F238E27FC236}">
                    <a16:creationId xmlns:a16="http://schemas.microsoft.com/office/drawing/2014/main" id="{6BD46FC4-6110-4E72-B7FC-E8527F8596A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2937177" y="3956796"/>
                <a:ext cx="248066" cy="221709"/>
              </a:xfrm>
              <a:prstGeom prst="rect">
                <a:avLst/>
              </a:prstGeom>
              <a:grpFill/>
            </p:spPr>
          </p:pic>
        </p:grpSp>
        <p:grpSp>
          <p:nvGrpSpPr>
            <p:cNvPr id="220" name="组合 219">
              <a:extLst>
                <a:ext uri="{FF2B5EF4-FFF2-40B4-BE49-F238E27FC236}">
                  <a16:creationId xmlns:a16="http://schemas.microsoft.com/office/drawing/2014/main" id="{7B19CD26-667E-495B-A992-A57BC69D7289}"/>
                </a:ext>
              </a:extLst>
            </p:cNvPr>
            <p:cNvGrpSpPr/>
            <p:nvPr/>
          </p:nvGrpSpPr>
          <p:grpSpPr>
            <a:xfrm>
              <a:off x="3508994" y="3661542"/>
              <a:ext cx="241258" cy="916782"/>
              <a:chOff x="6796810" y="1822069"/>
              <a:chExt cx="241258" cy="916782"/>
            </a:xfrm>
            <a:grpFill/>
          </p:grpSpPr>
          <p:sp>
            <p:nvSpPr>
              <p:cNvPr id="221" name="矩形 49">
                <a:extLst>
                  <a:ext uri="{FF2B5EF4-FFF2-40B4-BE49-F238E27FC236}">
                    <a16:creationId xmlns:a16="http://schemas.microsoft.com/office/drawing/2014/main" id="{6AB6E1DB-294D-41E4-8195-8897C7483228}"/>
                  </a:ext>
                </a:extLst>
              </p:cNvPr>
              <p:cNvSpPr/>
              <p:nvPr/>
            </p:nvSpPr>
            <p:spPr>
              <a:xfrm>
                <a:off x="6796810" y="1822069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22" name="图片 221">
                <a:extLst>
                  <a:ext uri="{FF2B5EF4-FFF2-40B4-BE49-F238E27FC236}">
                    <a16:creationId xmlns:a16="http://schemas.microsoft.com/office/drawing/2014/main" id="{859BE417-7CD7-4D75-8C5A-D254A3C25D6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6832527" y="2193841"/>
                <a:ext cx="166971" cy="268299"/>
              </a:xfrm>
              <a:prstGeom prst="rect">
                <a:avLst/>
              </a:prstGeom>
              <a:grpFill/>
            </p:spPr>
          </p:pic>
        </p:grpSp>
        <p:grpSp>
          <p:nvGrpSpPr>
            <p:cNvPr id="26" name="组合 25">
              <a:extLst>
                <a:ext uri="{FF2B5EF4-FFF2-40B4-BE49-F238E27FC236}">
                  <a16:creationId xmlns:a16="http://schemas.microsoft.com/office/drawing/2014/main" id="{C06D997E-C244-470E-9BB2-9BA9812489A6}"/>
                </a:ext>
              </a:extLst>
            </p:cNvPr>
            <p:cNvGrpSpPr/>
            <p:nvPr/>
          </p:nvGrpSpPr>
          <p:grpSpPr>
            <a:xfrm>
              <a:off x="3270112" y="3933113"/>
              <a:ext cx="241258" cy="916782"/>
              <a:chOff x="3270112" y="3933113"/>
              <a:chExt cx="241258" cy="916782"/>
            </a:xfrm>
            <a:grpFill/>
          </p:grpSpPr>
          <p:sp>
            <p:nvSpPr>
              <p:cNvPr id="176" name="矩形 49">
                <a:extLst>
                  <a:ext uri="{FF2B5EF4-FFF2-40B4-BE49-F238E27FC236}">
                    <a16:creationId xmlns:a16="http://schemas.microsoft.com/office/drawing/2014/main" id="{7A1BD892-A5F4-4D0C-822E-B7A4E37AA3C9}"/>
                  </a:ext>
                </a:extLst>
              </p:cNvPr>
              <p:cNvSpPr/>
              <p:nvPr/>
            </p:nvSpPr>
            <p:spPr>
              <a:xfrm>
                <a:off x="3270112" y="3933113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32" name="图片 231">
                <a:extLst>
                  <a:ext uri="{FF2B5EF4-FFF2-40B4-BE49-F238E27FC236}">
                    <a16:creationId xmlns:a16="http://schemas.microsoft.com/office/drawing/2014/main" id="{8A5E82D0-313A-4523-A908-3F0858089EE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310509" y="4258668"/>
                <a:ext cx="166112" cy="267000"/>
              </a:xfrm>
              <a:prstGeom prst="rect">
                <a:avLst/>
              </a:prstGeom>
              <a:grpFill/>
            </p:spPr>
          </p:pic>
        </p:grpSp>
        <p:grpSp>
          <p:nvGrpSpPr>
            <p:cNvPr id="25" name="组合 24">
              <a:extLst>
                <a:ext uri="{FF2B5EF4-FFF2-40B4-BE49-F238E27FC236}">
                  <a16:creationId xmlns:a16="http://schemas.microsoft.com/office/drawing/2014/main" id="{61CFE4FA-5A0D-4963-9A3C-E76CC0ECBC11}"/>
                </a:ext>
              </a:extLst>
            </p:cNvPr>
            <p:cNvGrpSpPr/>
            <p:nvPr/>
          </p:nvGrpSpPr>
          <p:grpSpPr>
            <a:xfrm>
              <a:off x="3509996" y="4302827"/>
              <a:ext cx="241258" cy="916782"/>
              <a:chOff x="3509996" y="4302827"/>
              <a:chExt cx="241258" cy="916782"/>
            </a:xfrm>
            <a:grpFill/>
          </p:grpSpPr>
          <p:sp>
            <p:nvSpPr>
              <p:cNvPr id="224" name="矩形 49">
                <a:extLst>
                  <a:ext uri="{FF2B5EF4-FFF2-40B4-BE49-F238E27FC236}">
                    <a16:creationId xmlns:a16="http://schemas.microsoft.com/office/drawing/2014/main" id="{78358856-84E9-473C-9BDC-2EEB889E640E}"/>
                  </a:ext>
                </a:extLst>
              </p:cNvPr>
              <p:cNvSpPr/>
              <p:nvPr/>
            </p:nvSpPr>
            <p:spPr>
              <a:xfrm>
                <a:off x="3509996" y="4302827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33" name="图片 232">
                <a:extLst>
                  <a:ext uri="{FF2B5EF4-FFF2-40B4-BE49-F238E27FC236}">
                    <a16:creationId xmlns:a16="http://schemas.microsoft.com/office/drawing/2014/main" id="{A59B30EA-4878-4389-85D7-D9174E56EF0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528604" y="4619064"/>
                <a:ext cx="202727" cy="268156"/>
              </a:xfrm>
              <a:prstGeom prst="rect">
                <a:avLst/>
              </a:prstGeom>
              <a:grpFill/>
            </p:spPr>
          </p:pic>
        </p:grpSp>
        <p:grpSp>
          <p:nvGrpSpPr>
            <p:cNvPr id="23" name="组合 22">
              <a:extLst>
                <a:ext uri="{FF2B5EF4-FFF2-40B4-BE49-F238E27FC236}">
                  <a16:creationId xmlns:a16="http://schemas.microsoft.com/office/drawing/2014/main" id="{31FC5B33-7170-4161-94D7-7DD80B2FD461}"/>
                </a:ext>
              </a:extLst>
            </p:cNvPr>
            <p:cNvGrpSpPr/>
            <p:nvPr/>
          </p:nvGrpSpPr>
          <p:grpSpPr>
            <a:xfrm>
              <a:off x="3510113" y="4946874"/>
              <a:ext cx="241258" cy="916782"/>
              <a:chOff x="3510113" y="4946874"/>
              <a:chExt cx="241258" cy="916782"/>
            </a:xfrm>
            <a:grpFill/>
          </p:grpSpPr>
          <p:sp>
            <p:nvSpPr>
              <p:cNvPr id="227" name="矩形 49">
                <a:extLst>
                  <a:ext uri="{FF2B5EF4-FFF2-40B4-BE49-F238E27FC236}">
                    <a16:creationId xmlns:a16="http://schemas.microsoft.com/office/drawing/2014/main" id="{66782C04-140A-4384-B5E4-900F9C3E2E13}"/>
                  </a:ext>
                </a:extLst>
              </p:cNvPr>
              <p:cNvSpPr/>
              <p:nvPr/>
            </p:nvSpPr>
            <p:spPr>
              <a:xfrm>
                <a:off x="3510113" y="4946874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34" name="图片 233">
                <a:extLst>
                  <a:ext uri="{FF2B5EF4-FFF2-40B4-BE49-F238E27FC236}">
                    <a16:creationId xmlns:a16="http://schemas.microsoft.com/office/drawing/2014/main" id="{189ACC7D-6867-4F0E-B7A0-BA80D2A1793A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525531" y="5288569"/>
                <a:ext cx="202236" cy="230969"/>
              </a:xfrm>
              <a:prstGeom prst="rect">
                <a:avLst/>
              </a:prstGeom>
              <a:grpFill/>
            </p:spPr>
          </p:pic>
        </p:grpSp>
        <p:grpSp>
          <p:nvGrpSpPr>
            <p:cNvPr id="22" name="组合 21">
              <a:extLst>
                <a:ext uri="{FF2B5EF4-FFF2-40B4-BE49-F238E27FC236}">
                  <a16:creationId xmlns:a16="http://schemas.microsoft.com/office/drawing/2014/main" id="{D9DE47AE-5A83-444A-9DB5-A76399B659A3}"/>
                </a:ext>
              </a:extLst>
            </p:cNvPr>
            <p:cNvGrpSpPr/>
            <p:nvPr/>
          </p:nvGrpSpPr>
          <p:grpSpPr>
            <a:xfrm>
              <a:off x="3747655" y="4673963"/>
              <a:ext cx="241258" cy="916782"/>
              <a:chOff x="3747655" y="4673963"/>
              <a:chExt cx="241258" cy="916782"/>
            </a:xfrm>
            <a:grpFill/>
          </p:grpSpPr>
          <p:sp>
            <p:nvSpPr>
              <p:cNvPr id="230" name="矩形 49">
                <a:extLst>
                  <a:ext uri="{FF2B5EF4-FFF2-40B4-BE49-F238E27FC236}">
                    <a16:creationId xmlns:a16="http://schemas.microsoft.com/office/drawing/2014/main" id="{5CB31EB0-EF4A-420F-8314-3888E606CCFB}"/>
                  </a:ext>
                </a:extLst>
              </p:cNvPr>
              <p:cNvSpPr/>
              <p:nvPr/>
            </p:nvSpPr>
            <p:spPr>
              <a:xfrm>
                <a:off x="3747655" y="4673963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35" name="图片 234">
                <a:extLst>
                  <a:ext uri="{FF2B5EF4-FFF2-40B4-BE49-F238E27FC236}">
                    <a16:creationId xmlns:a16="http://schemas.microsoft.com/office/drawing/2014/main" id="{04BD10BA-7549-4EBD-901C-389A4C0DEB7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776640" y="5048116"/>
                <a:ext cx="180158" cy="239474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29" name="组合 28">
            <a:extLst>
              <a:ext uri="{FF2B5EF4-FFF2-40B4-BE49-F238E27FC236}">
                <a16:creationId xmlns:a16="http://schemas.microsoft.com/office/drawing/2014/main" id="{B144CD3C-4552-44CE-8371-6CA862D0EF04}"/>
              </a:ext>
            </a:extLst>
          </p:cNvPr>
          <p:cNvGrpSpPr/>
          <p:nvPr/>
        </p:nvGrpSpPr>
        <p:grpSpPr>
          <a:xfrm>
            <a:off x="1776117" y="1427444"/>
            <a:ext cx="1291587" cy="1939635"/>
            <a:chOff x="4764336" y="4237632"/>
            <a:chExt cx="1291587" cy="1939635"/>
          </a:xfrm>
          <a:solidFill>
            <a:srgbClr val="FFFFFF"/>
          </a:solidFill>
        </p:grpSpPr>
        <p:grpSp>
          <p:nvGrpSpPr>
            <p:cNvPr id="183" name="组合 182">
              <a:extLst>
                <a:ext uri="{FF2B5EF4-FFF2-40B4-BE49-F238E27FC236}">
                  <a16:creationId xmlns:a16="http://schemas.microsoft.com/office/drawing/2014/main" id="{8F78AC1A-FFF8-4545-B30F-A1327FB4D6A8}"/>
                </a:ext>
              </a:extLst>
            </p:cNvPr>
            <p:cNvGrpSpPr/>
            <p:nvPr/>
          </p:nvGrpSpPr>
          <p:grpSpPr>
            <a:xfrm>
              <a:off x="4764336" y="5528739"/>
              <a:ext cx="648000" cy="648000"/>
              <a:chOff x="4803478" y="1031693"/>
              <a:chExt cx="648000" cy="648000"/>
            </a:xfrm>
            <a:grpFill/>
          </p:grpSpPr>
          <p:sp>
            <p:nvSpPr>
              <p:cNvPr id="199" name="矩形 198">
                <a:extLst>
                  <a:ext uri="{FF2B5EF4-FFF2-40B4-BE49-F238E27FC236}">
                    <a16:creationId xmlns:a16="http://schemas.microsoft.com/office/drawing/2014/main" id="{B1AAD029-6B19-4F8C-A6A1-FF5DCF80A450}"/>
                  </a:ext>
                </a:extLst>
              </p:cNvPr>
              <p:cNvSpPr/>
              <p:nvPr/>
            </p:nvSpPr>
            <p:spPr>
              <a:xfrm>
                <a:off x="4803478" y="1031693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200" name="图片 199">
                <a:extLst>
                  <a:ext uri="{FF2B5EF4-FFF2-40B4-BE49-F238E27FC236}">
                    <a16:creationId xmlns:a16="http://schemas.microsoft.com/office/drawing/2014/main" id="{AD31C0A8-4CF2-4FAE-9791-0903AEBBC57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5151" y="1235049"/>
                <a:ext cx="298167" cy="280277"/>
              </a:xfrm>
              <a:prstGeom prst="rect">
                <a:avLst/>
              </a:prstGeom>
              <a:grpFill/>
            </p:spPr>
          </p:pic>
        </p:grpSp>
        <p:grpSp>
          <p:nvGrpSpPr>
            <p:cNvPr id="184" name="组合 183">
              <a:extLst>
                <a:ext uri="{FF2B5EF4-FFF2-40B4-BE49-F238E27FC236}">
                  <a16:creationId xmlns:a16="http://schemas.microsoft.com/office/drawing/2014/main" id="{F9597731-885C-4B5D-BA1B-5A9D0485F798}"/>
                </a:ext>
              </a:extLst>
            </p:cNvPr>
            <p:cNvGrpSpPr/>
            <p:nvPr/>
          </p:nvGrpSpPr>
          <p:grpSpPr>
            <a:xfrm>
              <a:off x="5407923" y="5529267"/>
              <a:ext cx="648000" cy="648000"/>
              <a:chOff x="4800844" y="1673610"/>
              <a:chExt cx="648000" cy="648000"/>
            </a:xfrm>
            <a:grpFill/>
          </p:grpSpPr>
          <p:sp>
            <p:nvSpPr>
              <p:cNvPr id="197" name="矩形 196">
                <a:extLst>
                  <a:ext uri="{FF2B5EF4-FFF2-40B4-BE49-F238E27FC236}">
                    <a16:creationId xmlns:a16="http://schemas.microsoft.com/office/drawing/2014/main" id="{83B39F69-EE35-48FE-9E1F-835ECFD6170A}"/>
                  </a:ext>
                </a:extLst>
              </p:cNvPr>
              <p:cNvSpPr/>
              <p:nvPr/>
            </p:nvSpPr>
            <p:spPr>
              <a:xfrm>
                <a:off x="4800844" y="1673610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198" name="图片 197">
                <a:extLst>
                  <a:ext uri="{FF2B5EF4-FFF2-40B4-BE49-F238E27FC236}">
                    <a16:creationId xmlns:a16="http://schemas.microsoft.com/office/drawing/2014/main" id="{0E59344C-C229-459B-B821-D39D0B22387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9944" y="1858979"/>
                <a:ext cx="298526" cy="298526"/>
              </a:xfrm>
              <a:prstGeom prst="rect">
                <a:avLst/>
              </a:prstGeom>
              <a:grpFill/>
            </p:spPr>
          </p:pic>
        </p:grpSp>
        <p:grpSp>
          <p:nvGrpSpPr>
            <p:cNvPr id="185" name="组合 184">
              <a:extLst>
                <a:ext uri="{FF2B5EF4-FFF2-40B4-BE49-F238E27FC236}">
                  <a16:creationId xmlns:a16="http://schemas.microsoft.com/office/drawing/2014/main" id="{A9528DAE-9A22-4A19-A5BF-67264EBA5F21}"/>
                </a:ext>
              </a:extLst>
            </p:cNvPr>
            <p:cNvGrpSpPr/>
            <p:nvPr/>
          </p:nvGrpSpPr>
          <p:grpSpPr>
            <a:xfrm>
              <a:off x="5407923" y="4886317"/>
              <a:ext cx="648000" cy="648000"/>
              <a:chOff x="4153588" y="1690087"/>
              <a:chExt cx="648000" cy="648000"/>
            </a:xfrm>
            <a:grpFill/>
          </p:grpSpPr>
          <p:sp>
            <p:nvSpPr>
              <p:cNvPr id="195" name="矩形 194">
                <a:extLst>
                  <a:ext uri="{FF2B5EF4-FFF2-40B4-BE49-F238E27FC236}">
                    <a16:creationId xmlns:a16="http://schemas.microsoft.com/office/drawing/2014/main" id="{FBFDBC51-AD29-4A2C-8E9B-944562C71418}"/>
                  </a:ext>
                </a:extLst>
              </p:cNvPr>
              <p:cNvSpPr/>
              <p:nvPr/>
            </p:nvSpPr>
            <p:spPr>
              <a:xfrm>
                <a:off x="4153588" y="1690087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96" name="图片 195">
                <a:extLst>
                  <a:ext uri="{FF2B5EF4-FFF2-40B4-BE49-F238E27FC236}">
                    <a16:creationId xmlns:a16="http://schemas.microsoft.com/office/drawing/2014/main" id="{95437880-A060-4B42-97CA-80DF2BAD787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311480" y="1846108"/>
                <a:ext cx="333987" cy="346590"/>
              </a:xfrm>
              <a:prstGeom prst="rect">
                <a:avLst/>
              </a:prstGeom>
              <a:grpFill/>
            </p:spPr>
          </p:pic>
        </p:grpSp>
        <p:grpSp>
          <p:nvGrpSpPr>
            <p:cNvPr id="186" name="组合 185">
              <a:extLst>
                <a:ext uri="{FF2B5EF4-FFF2-40B4-BE49-F238E27FC236}">
                  <a16:creationId xmlns:a16="http://schemas.microsoft.com/office/drawing/2014/main" id="{8452A78B-9B08-4ACB-9758-225BABA81E44}"/>
                </a:ext>
              </a:extLst>
            </p:cNvPr>
            <p:cNvGrpSpPr/>
            <p:nvPr/>
          </p:nvGrpSpPr>
          <p:grpSpPr>
            <a:xfrm>
              <a:off x="5407923" y="4239220"/>
              <a:ext cx="648000" cy="648000"/>
              <a:chOff x="3506493" y="1677475"/>
              <a:chExt cx="648000" cy="648000"/>
            </a:xfrm>
            <a:grpFill/>
          </p:grpSpPr>
          <p:sp>
            <p:nvSpPr>
              <p:cNvPr id="193" name="矩形 192">
                <a:extLst>
                  <a:ext uri="{FF2B5EF4-FFF2-40B4-BE49-F238E27FC236}">
                    <a16:creationId xmlns:a16="http://schemas.microsoft.com/office/drawing/2014/main" id="{0E2F0EB9-6FA2-4B11-A76C-36E5C4CF54A8}"/>
                  </a:ext>
                </a:extLst>
              </p:cNvPr>
              <p:cNvSpPr/>
              <p:nvPr/>
            </p:nvSpPr>
            <p:spPr>
              <a:xfrm>
                <a:off x="3506493" y="1677475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194" name="图片 193">
                <a:extLst>
                  <a:ext uri="{FF2B5EF4-FFF2-40B4-BE49-F238E27FC236}">
                    <a16:creationId xmlns:a16="http://schemas.microsoft.com/office/drawing/2014/main" id="{B20ECEC8-B435-4456-AD4D-FB0AA0878A4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86131" y="1849075"/>
                <a:ext cx="270294" cy="304800"/>
              </a:xfrm>
              <a:prstGeom prst="rect">
                <a:avLst/>
              </a:prstGeom>
              <a:grpFill/>
            </p:spPr>
          </p:pic>
        </p:grpSp>
        <p:grpSp>
          <p:nvGrpSpPr>
            <p:cNvPr id="237" name="组合 236">
              <a:extLst>
                <a:ext uri="{FF2B5EF4-FFF2-40B4-BE49-F238E27FC236}">
                  <a16:creationId xmlns:a16="http://schemas.microsoft.com/office/drawing/2014/main" id="{5E790454-CE29-4D4F-BD6B-13AAA7C3F319}"/>
                </a:ext>
              </a:extLst>
            </p:cNvPr>
            <p:cNvGrpSpPr/>
            <p:nvPr/>
          </p:nvGrpSpPr>
          <p:grpSpPr>
            <a:xfrm>
              <a:off x="5165935" y="4238854"/>
              <a:ext cx="886125" cy="267000"/>
              <a:chOff x="2621382" y="3940311"/>
              <a:chExt cx="886125" cy="267000"/>
            </a:xfrm>
            <a:grpFill/>
          </p:grpSpPr>
          <p:sp>
            <p:nvSpPr>
              <p:cNvPr id="254" name="矩形 47">
                <a:extLst>
                  <a:ext uri="{FF2B5EF4-FFF2-40B4-BE49-F238E27FC236}">
                    <a16:creationId xmlns:a16="http://schemas.microsoft.com/office/drawing/2014/main" id="{CFEE08C6-0257-4822-8078-0B8E5C844783}"/>
                  </a:ext>
                </a:extLst>
              </p:cNvPr>
              <p:cNvSpPr/>
              <p:nvPr/>
            </p:nvSpPr>
            <p:spPr>
              <a:xfrm>
                <a:off x="2621382" y="394031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53" name="图片 252">
                <a:extLst>
                  <a:ext uri="{FF2B5EF4-FFF2-40B4-BE49-F238E27FC236}">
                    <a16:creationId xmlns:a16="http://schemas.microsoft.com/office/drawing/2014/main" id="{190DF89A-AC98-4004-9B3F-4F10218AD5A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2949877" y="3956796"/>
                <a:ext cx="248066" cy="221709"/>
              </a:xfrm>
              <a:prstGeom prst="rect">
                <a:avLst/>
              </a:prstGeom>
              <a:grpFill/>
            </p:spPr>
          </p:pic>
        </p:grpSp>
        <p:grpSp>
          <p:nvGrpSpPr>
            <p:cNvPr id="239" name="组合 238">
              <a:extLst>
                <a:ext uri="{FF2B5EF4-FFF2-40B4-BE49-F238E27FC236}">
                  <a16:creationId xmlns:a16="http://schemas.microsoft.com/office/drawing/2014/main" id="{DEF7E6CD-0DBC-43C4-80E5-2CD44E4E27ED}"/>
                </a:ext>
              </a:extLst>
            </p:cNvPr>
            <p:cNvGrpSpPr/>
            <p:nvPr/>
          </p:nvGrpSpPr>
          <p:grpSpPr>
            <a:xfrm>
              <a:off x="5814665" y="4237632"/>
              <a:ext cx="241258" cy="916782"/>
              <a:chOff x="3270112" y="3939089"/>
              <a:chExt cx="241258" cy="916782"/>
            </a:xfrm>
            <a:grpFill/>
          </p:grpSpPr>
          <p:sp>
            <p:nvSpPr>
              <p:cNvPr id="249" name="矩形 49">
                <a:extLst>
                  <a:ext uri="{FF2B5EF4-FFF2-40B4-BE49-F238E27FC236}">
                    <a16:creationId xmlns:a16="http://schemas.microsoft.com/office/drawing/2014/main" id="{8A32C1CD-3559-4245-8D1A-E8C19A4330FE}"/>
                  </a:ext>
                </a:extLst>
              </p:cNvPr>
              <p:cNvSpPr/>
              <p:nvPr/>
            </p:nvSpPr>
            <p:spPr>
              <a:xfrm>
                <a:off x="3270112" y="3939089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50" name="图片 249">
                <a:extLst>
                  <a:ext uri="{FF2B5EF4-FFF2-40B4-BE49-F238E27FC236}">
                    <a16:creationId xmlns:a16="http://schemas.microsoft.com/office/drawing/2014/main" id="{66F107AF-8D28-49AB-9130-AFA07AC413FB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310509" y="4258668"/>
                <a:ext cx="166112" cy="267000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82CDF31F-BCCE-4860-B881-6627ED5D2BC0}"/>
              </a:ext>
            </a:extLst>
          </p:cNvPr>
          <p:cNvGrpSpPr/>
          <p:nvPr/>
        </p:nvGrpSpPr>
        <p:grpSpPr>
          <a:xfrm>
            <a:off x="1287089" y="1429543"/>
            <a:ext cx="1772787" cy="1179028"/>
            <a:chOff x="4222904" y="4233069"/>
            <a:chExt cx="1772787" cy="1179028"/>
          </a:xfrm>
          <a:solidFill>
            <a:srgbClr val="FFFFFF"/>
          </a:solidFill>
        </p:grpSpPr>
        <p:grpSp>
          <p:nvGrpSpPr>
            <p:cNvPr id="259" name="组合 258">
              <a:extLst>
                <a:ext uri="{FF2B5EF4-FFF2-40B4-BE49-F238E27FC236}">
                  <a16:creationId xmlns:a16="http://schemas.microsoft.com/office/drawing/2014/main" id="{2247E4EB-4279-4C97-9E63-8B0995486B47}"/>
                </a:ext>
              </a:extLst>
            </p:cNvPr>
            <p:cNvGrpSpPr/>
            <p:nvPr/>
          </p:nvGrpSpPr>
          <p:grpSpPr>
            <a:xfrm>
              <a:off x="5347691" y="4234657"/>
              <a:ext cx="648000" cy="648000"/>
              <a:chOff x="3506493" y="1677475"/>
              <a:chExt cx="648000" cy="648000"/>
            </a:xfrm>
            <a:grpFill/>
          </p:grpSpPr>
          <p:sp>
            <p:nvSpPr>
              <p:cNvPr id="266" name="矩形 265">
                <a:extLst>
                  <a:ext uri="{FF2B5EF4-FFF2-40B4-BE49-F238E27FC236}">
                    <a16:creationId xmlns:a16="http://schemas.microsoft.com/office/drawing/2014/main" id="{D23304CB-7BBA-44AF-86C6-1597F6102035}"/>
                  </a:ext>
                </a:extLst>
              </p:cNvPr>
              <p:cNvSpPr/>
              <p:nvPr/>
            </p:nvSpPr>
            <p:spPr>
              <a:xfrm>
                <a:off x="3506493" y="1677475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267" name="图片 266">
                <a:extLst>
                  <a:ext uri="{FF2B5EF4-FFF2-40B4-BE49-F238E27FC236}">
                    <a16:creationId xmlns:a16="http://schemas.microsoft.com/office/drawing/2014/main" id="{083A4A7E-6DF5-41CF-A6F0-3F4DCE3D4ED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86131" y="1849075"/>
                <a:ext cx="270294" cy="304800"/>
              </a:xfrm>
              <a:prstGeom prst="rect">
                <a:avLst/>
              </a:prstGeom>
              <a:grpFill/>
            </p:spPr>
          </p:pic>
        </p:grpSp>
        <p:grpSp>
          <p:nvGrpSpPr>
            <p:cNvPr id="260" name="组合 259">
              <a:extLst>
                <a:ext uri="{FF2B5EF4-FFF2-40B4-BE49-F238E27FC236}">
                  <a16:creationId xmlns:a16="http://schemas.microsoft.com/office/drawing/2014/main" id="{A2114F63-4091-41F1-92DF-326CC6B9CE53}"/>
                </a:ext>
              </a:extLst>
            </p:cNvPr>
            <p:cNvGrpSpPr/>
            <p:nvPr/>
          </p:nvGrpSpPr>
          <p:grpSpPr>
            <a:xfrm>
              <a:off x="5105703" y="4234291"/>
              <a:ext cx="886125" cy="267000"/>
              <a:chOff x="2621382" y="3940311"/>
              <a:chExt cx="886125" cy="267000"/>
            </a:xfrm>
            <a:grpFill/>
          </p:grpSpPr>
          <p:sp>
            <p:nvSpPr>
              <p:cNvPr id="264" name="矩形 47">
                <a:extLst>
                  <a:ext uri="{FF2B5EF4-FFF2-40B4-BE49-F238E27FC236}">
                    <a16:creationId xmlns:a16="http://schemas.microsoft.com/office/drawing/2014/main" id="{253C8490-94BB-41A3-AEA7-D94049D13BBF}"/>
                  </a:ext>
                </a:extLst>
              </p:cNvPr>
              <p:cNvSpPr/>
              <p:nvPr/>
            </p:nvSpPr>
            <p:spPr>
              <a:xfrm>
                <a:off x="2621382" y="394031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65" name="图片 264">
                <a:extLst>
                  <a:ext uri="{FF2B5EF4-FFF2-40B4-BE49-F238E27FC236}">
                    <a16:creationId xmlns:a16="http://schemas.microsoft.com/office/drawing/2014/main" id="{04AD3C7E-10C4-4A1A-8D21-A5D01562A8C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2943527" y="3956796"/>
                <a:ext cx="248066" cy="221709"/>
              </a:xfrm>
              <a:prstGeom prst="rect">
                <a:avLst/>
              </a:prstGeom>
              <a:grpFill/>
            </p:spPr>
          </p:pic>
        </p:grpSp>
        <p:grpSp>
          <p:nvGrpSpPr>
            <p:cNvPr id="275" name="组合 274">
              <a:extLst>
                <a:ext uri="{FF2B5EF4-FFF2-40B4-BE49-F238E27FC236}">
                  <a16:creationId xmlns:a16="http://schemas.microsoft.com/office/drawing/2014/main" id="{A782A7D0-E3A6-4AFD-9A22-9D73C872E5B7}"/>
                </a:ext>
              </a:extLst>
            </p:cNvPr>
            <p:cNvGrpSpPr/>
            <p:nvPr/>
          </p:nvGrpSpPr>
          <p:grpSpPr>
            <a:xfrm>
              <a:off x="4873045" y="5145097"/>
              <a:ext cx="886125" cy="267000"/>
              <a:chOff x="5305209" y="3281841"/>
              <a:chExt cx="886125" cy="267000"/>
            </a:xfrm>
            <a:grpFill/>
          </p:grpSpPr>
          <p:sp>
            <p:nvSpPr>
              <p:cNvPr id="291" name="矩形 47">
                <a:extLst>
                  <a:ext uri="{FF2B5EF4-FFF2-40B4-BE49-F238E27FC236}">
                    <a16:creationId xmlns:a16="http://schemas.microsoft.com/office/drawing/2014/main" id="{D2AB5C52-03FA-4C77-90C4-FEC422727077}"/>
                  </a:ext>
                </a:extLst>
              </p:cNvPr>
              <p:cNvSpPr/>
              <p:nvPr/>
            </p:nvSpPr>
            <p:spPr>
              <a:xfrm>
                <a:off x="5305209" y="328184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92" name="图片 291">
                <a:extLst>
                  <a:ext uri="{FF2B5EF4-FFF2-40B4-BE49-F238E27FC236}">
                    <a16:creationId xmlns:a16="http://schemas.microsoft.com/office/drawing/2014/main" id="{FB3822C5-EE93-4637-99D5-313E212275D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5576674" y="3310161"/>
                <a:ext cx="269199" cy="217120"/>
              </a:xfrm>
              <a:prstGeom prst="rect">
                <a:avLst/>
              </a:prstGeom>
              <a:grpFill/>
            </p:spPr>
          </p:pic>
        </p:grpSp>
        <p:grpSp>
          <p:nvGrpSpPr>
            <p:cNvPr id="276" name="组合 275">
              <a:extLst>
                <a:ext uri="{FF2B5EF4-FFF2-40B4-BE49-F238E27FC236}">
                  <a16:creationId xmlns:a16="http://schemas.microsoft.com/office/drawing/2014/main" id="{6B042548-1A10-49A6-A1E6-5DDD4DE5C5F6}"/>
                </a:ext>
              </a:extLst>
            </p:cNvPr>
            <p:cNvGrpSpPr/>
            <p:nvPr/>
          </p:nvGrpSpPr>
          <p:grpSpPr>
            <a:xfrm>
              <a:off x="5105702" y="4879326"/>
              <a:ext cx="886125" cy="267000"/>
              <a:chOff x="4649959" y="3286124"/>
              <a:chExt cx="886125" cy="267000"/>
            </a:xfrm>
            <a:grpFill/>
          </p:grpSpPr>
          <p:sp>
            <p:nvSpPr>
              <p:cNvPr id="289" name="矩形 47">
                <a:extLst>
                  <a:ext uri="{FF2B5EF4-FFF2-40B4-BE49-F238E27FC236}">
                    <a16:creationId xmlns:a16="http://schemas.microsoft.com/office/drawing/2014/main" id="{1241A82D-F8F6-405D-9B2B-FF61E26B177C}"/>
                  </a:ext>
                </a:extLst>
              </p:cNvPr>
              <p:cNvSpPr/>
              <p:nvPr/>
            </p:nvSpPr>
            <p:spPr>
              <a:xfrm>
                <a:off x="4649959" y="3286124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90" name="图片 289">
                <a:extLst>
                  <a:ext uri="{FF2B5EF4-FFF2-40B4-BE49-F238E27FC236}">
                    <a16:creationId xmlns:a16="http://schemas.microsoft.com/office/drawing/2014/main" id="{CCBABDEE-B502-43AF-A631-43D3574DA8B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40613" y="3310161"/>
                <a:ext cx="301176" cy="218776"/>
              </a:xfrm>
              <a:prstGeom prst="rect">
                <a:avLst/>
              </a:prstGeom>
              <a:grpFill/>
            </p:spPr>
          </p:pic>
        </p:grpSp>
        <p:grpSp>
          <p:nvGrpSpPr>
            <p:cNvPr id="280" name="组合 279">
              <a:extLst>
                <a:ext uri="{FF2B5EF4-FFF2-40B4-BE49-F238E27FC236}">
                  <a16:creationId xmlns:a16="http://schemas.microsoft.com/office/drawing/2014/main" id="{E4CF46C6-B4C6-470A-955A-92C9677F16CC}"/>
                </a:ext>
              </a:extLst>
            </p:cNvPr>
            <p:cNvGrpSpPr/>
            <p:nvPr/>
          </p:nvGrpSpPr>
          <p:grpSpPr>
            <a:xfrm>
              <a:off x="4222904" y="5145097"/>
              <a:ext cx="886125" cy="267000"/>
              <a:chOff x="5541206" y="3014887"/>
              <a:chExt cx="886125" cy="267000"/>
            </a:xfrm>
            <a:grpFill/>
          </p:grpSpPr>
          <p:sp>
            <p:nvSpPr>
              <p:cNvPr id="281" name="矩形 47">
                <a:extLst>
                  <a:ext uri="{FF2B5EF4-FFF2-40B4-BE49-F238E27FC236}">
                    <a16:creationId xmlns:a16="http://schemas.microsoft.com/office/drawing/2014/main" id="{E0FECF95-E48F-482B-B228-A68A23D75305}"/>
                  </a:ext>
                </a:extLst>
              </p:cNvPr>
              <p:cNvSpPr/>
              <p:nvPr/>
            </p:nvSpPr>
            <p:spPr>
              <a:xfrm>
                <a:off x="5541206" y="3014887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82" name="图片 281">
                <a:extLst>
                  <a:ext uri="{FF2B5EF4-FFF2-40B4-BE49-F238E27FC236}">
                    <a16:creationId xmlns:a16="http://schemas.microsoft.com/office/drawing/2014/main" id="{E3109659-3158-435B-85F7-E09A4C897C8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5811520" y="3035982"/>
                <a:ext cx="298167" cy="211369"/>
              </a:xfrm>
              <a:prstGeom prst="rect">
                <a:avLst/>
              </a:prstGeom>
              <a:grpFill/>
            </p:spPr>
          </p:pic>
        </p:grpSp>
        <p:grpSp>
          <p:nvGrpSpPr>
            <p:cNvPr id="261" name="组合 260">
              <a:extLst>
                <a:ext uri="{FF2B5EF4-FFF2-40B4-BE49-F238E27FC236}">
                  <a16:creationId xmlns:a16="http://schemas.microsoft.com/office/drawing/2014/main" id="{44047B1E-8A5B-4084-B201-8DA5088865BF}"/>
                </a:ext>
              </a:extLst>
            </p:cNvPr>
            <p:cNvGrpSpPr/>
            <p:nvPr/>
          </p:nvGrpSpPr>
          <p:grpSpPr>
            <a:xfrm>
              <a:off x="5754433" y="4233069"/>
              <a:ext cx="241258" cy="916782"/>
              <a:chOff x="3270112" y="3939089"/>
              <a:chExt cx="241258" cy="916782"/>
            </a:xfrm>
            <a:grpFill/>
          </p:grpSpPr>
          <p:sp>
            <p:nvSpPr>
              <p:cNvPr id="262" name="矩形 49">
                <a:extLst>
                  <a:ext uri="{FF2B5EF4-FFF2-40B4-BE49-F238E27FC236}">
                    <a16:creationId xmlns:a16="http://schemas.microsoft.com/office/drawing/2014/main" id="{FFD50FD9-4B02-4A02-90E9-6D235BF69086}"/>
                  </a:ext>
                </a:extLst>
              </p:cNvPr>
              <p:cNvSpPr/>
              <p:nvPr/>
            </p:nvSpPr>
            <p:spPr>
              <a:xfrm>
                <a:off x="3270112" y="3939089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263" name="图片 262">
                <a:extLst>
                  <a:ext uri="{FF2B5EF4-FFF2-40B4-BE49-F238E27FC236}">
                    <a16:creationId xmlns:a16="http://schemas.microsoft.com/office/drawing/2014/main" id="{7F0A6995-48AD-4979-AE0D-7400259DE02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310509" y="4258668"/>
                <a:ext cx="166112" cy="267000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64807788-48E9-45E1-9378-57F68A915E05}"/>
              </a:ext>
            </a:extLst>
          </p:cNvPr>
          <p:cNvGrpSpPr/>
          <p:nvPr/>
        </p:nvGrpSpPr>
        <p:grpSpPr>
          <a:xfrm>
            <a:off x="1534089" y="1425322"/>
            <a:ext cx="1528440" cy="916782"/>
            <a:chOff x="6121774" y="4339438"/>
            <a:chExt cx="1528440" cy="916782"/>
          </a:xfrm>
          <a:solidFill>
            <a:srgbClr val="FFFFFF"/>
          </a:solidFill>
        </p:grpSpPr>
        <p:grpSp>
          <p:nvGrpSpPr>
            <p:cNvPr id="294" name="组合 293">
              <a:extLst>
                <a:ext uri="{FF2B5EF4-FFF2-40B4-BE49-F238E27FC236}">
                  <a16:creationId xmlns:a16="http://schemas.microsoft.com/office/drawing/2014/main" id="{7F5E437F-B1D3-4C7E-8DAC-60954197834D}"/>
                </a:ext>
              </a:extLst>
            </p:cNvPr>
            <p:cNvGrpSpPr/>
            <p:nvPr/>
          </p:nvGrpSpPr>
          <p:grpSpPr>
            <a:xfrm>
              <a:off x="7002214" y="4346342"/>
              <a:ext cx="648000" cy="648000"/>
              <a:chOff x="3506493" y="1677475"/>
              <a:chExt cx="648000" cy="648000"/>
            </a:xfrm>
            <a:grpFill/>
          </p:grpSpPr>
          <p:sp>
            <p:nvSpPr>
              <p:cNvPr id="310" name="矩形 309">
                <a:extLst>
                  <a:ext uri="{FF2B5EF4-FFF2-40B4-BE49-F238E27FC236}">
                    <a16:creationId xmlns:a16="http://schemas.microsoft.com/office/drawing/2014/main" id="{10C4444B-5CA2-476F-89B2-2C5EC74FB29F}"/>
                  </a:ext>
                </a:extLst>
              </p:cNvPr>
              <p:cNvSpPr/>
              <p:nvPr/>
            </p:nvSpPr>
            <p:spPr>
              <a:xfrm>
                <a:off x="3506493" y="1677475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11" name="图片 310">
                <a:extLst>
                  <a:ext uri="{FF2B5EF4-FFF2-40B4-BE49-F238E27FC236}">
                    <a16:creationId xmlns:a16="http://schemas.microsoft.com/office/drawing/2014/main" id="{61EF7688-474E-4C5E-9643-0BFDF121008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686131" y="1849075"/>
                <a:ext cx="270294" cy="304800"/>
              </a:xfrm>
              <a:prstGeom prst="rect">
                <a:avLst/>
              </a:prstGeom>
              <a:grpFill/>
            </p:spPr>
          </p:pic>
        </p:grpSp>
        <p:grpSp>
          <p:nvGrpSpPr>
            <p:cNvPr id="295" name="组合 294">
              <a:extLst>
                <a:ext uri="{FF2B5EF4-FFF2-40B4-BE49-F238E27FC236}">
                  <a16:creationId xmlns:a16="http://schemas.microsoft.com/office/drawing/2014/main" id="{4BF1E8C6-0E3E-44A2-A7C0-AC10DAB10F7A}"/>
                </a:ext>
              </a:extLst>
            </p:cNvPr>
            <p:cNvGrpSpPr/>
            <p:nvPr/>
          </p:nvGrpSpPr>
          <p:grpSpPr>
            <a:xfrm>
              <a:off x="6760226" y="4345976"/>
              <a:ext cx="886125" cy="267000"/>
              <a:chOff x="2621382" y="3940311"/>
              <a:chExt cx="886125" cy="267000"/>
            </a:xfrm>
            <a:grpFill/>
          </p:grpSpPr>
          <p:sp>
            <p:nvSpPr>
              <p:cNvPr id="308" name="矩形 47">
                <a:extLst>
                  <a:ext uri="{FF2B5EF4-FFF2-40B4-BE49-F238E27FC236}">
                    <a16:creationId xmlns:a16="http://schemas.microsoft.com/office/drawing/2014/main" id="{B3E0A430-7056-452E-995F-3BE48CDE57B4}"/>
                  </a:ext>
                </a:extLst>
              </p:cNvPr>
              <p:cNvSpPr/>
              <p:nvPr/>
            </p:nvSpPr>
            <p:spPr>
              <a:xfrm>
                <a:off x="2621382" y="3940311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09" name="图片 308">
                <a:extLst>
                  <a:ext uri="{FF2B5EF4-FFF2-40B4-BE49-F238E27FC236}">
                    <a16:creationId xmlns:a16="http://schemas.microsoft.com/office/drawing/2014/main" id="{8695803A-4EBE-4AC2-ABBA-388022267EF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2943527" y="3956796"/>
                <a:ext cx="248066" cy="221709"/>
              </a:xfrm>
              <a:prstGeom prst="rect">
                <a:avLst/>
              </a:prstGeom>
              <a:grpFill/>
            </p:spPr>
          </p:pic>
        </p:grpSp>
        <p:grpSp>
          <p:nvGrpSpPr>
            <p:cNvPr id="297" name="组合 296">
              <a:extLst>
                <a:ext uri="{FF2B5EF4-FFF2-40B4-BE49-F238E27FC236}">
                  <a16:creationId xmlns:a16="http://schemas.microsoft.com/office/drawing/2014/main" id="{F30180DC-9FA1-435C-8FEA-03AD645A8D64}"/>
                </a:ext>
              </a:extLst>
            </p:cNvPr>
            <p:cNvGrpSpPr/>
            <p:nvPr/>
          </p:nvGrpSpPr>
          <p:grpSpPr>
            <a:xfrm>
              <a:off x="6760225" y="4985035"/>
              <a:ext cx="886125" cy="267000"/>
              <a:chOff x="4649959" y="3280148"/>
              <a:chExt cx="886125" cy="267000"/>
            </a:xfrm>
            <a:grpFill/>
          </p:grpSpPr>
          <p:sp>
            <p:nvSpPr>
              <p:cNvPr id="304" name="矩形 47">
                <a:extLst>
                  <a:ext uri="{FF2B5EF4-FFF2-40B4-BE49-F238E27FC236}">
                    <a16:creationId xmlns:a16="http://schemas.microsoft.com/office/drawing/2014/main" id="{45EE513C-9C7E-4A9E-A6F5-A32CA5CA0715}"/>
                  </a:ext>
                </a:extLst>
              </p:cNvPr>
              <p:cNvSpPr/>
              <p:nvPr/>
            </p:nvSpPr>
            <p:spPr>
              <a:xfrm>
                <a:off x="4649959" y="3280148"/>
                <a:ext cx="886125" cy="267000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902000"/>
                  <a:gd name="connsiteY0" fmla="*/ 0 h 648000"/>
                  <a:gd name="connsiteX1" fmla="*/ 902000 w 902000"/>
                  <a:gd name="connsiteY1" fmla="*/ 361950 h 648000"/>
                  <a:gd name="connsiteX2" fmla="*/ 648000 w 902000"/>
                  <a:gd name="connsiteY2" fmla="*/ 648000 h 648000"/>
                  <a:gd name="connsiteX3" fmla="*/ 0 w 902000"/>
                  <a:gd name="connsiteY3" fmla="*/ 648000 h 648000"/>
                  <a:gd name="connsiteX4" fmla="*/ 0 w 902000"/>
                  <a:gd name="connsiteY4" fmla="*/ 0 h 648000"/>
                  <a:gd name="connsiteX0" fmla="*/ 234950 w 902000"/>
                  <a:gd name="connsiteY0" fmla="*/ 19050 h 286050"/>
                  <a:gd name="connsiteX1" fmla="*/ 902000 w 902000"/>
                  <a:gd name="connsiteY1" fmla="*/ 0 h 286050"/>
                  <a:gd name="connsiteX2" fmla="*/ 648000 w 902000"/>
                  <a:gd name="connsiteY2" fmla="*/ 286050 h 286050"/>
                  <a:gd name="connsiteX3" fmla="*/ 0 w 902000"/>
                  <a:gd name="connsiteY3" fmla="*/ 286050 h 286050"/>
                  <a:gd name="connsiteX4" fmla="*/ 234950 w 902000"/>
                  <a:gd name="connsiteY4" fmla="*/ 19050 h 286050"/>
                  <a:gd name="connsiteX0" fmla="*/ 234950 w 902000"/>
                  <a:gd name="connsiteY0" fmla="*/ 12700 h 279700"/>
                  <a:gd name="connsiteX1" fmla="*/ 902000 w 902000"/>
                  <a:gd name="connsiteY1" fmla="*/ 0 h 279700"/>
                  <a:gd name="connsiteX2" fmla="*/ 648000 w 902000"/>
                  <a:gd name="connsiteY2" fmla="*/ 279700 h 279700"/>
                  <a:gd name="connsiteX3" fmla="*/ 0 w 902000"/>
                  <a:gd name="connsiteY3" fmla="*/ 279700 h 279700"/>
                  <a:gd name="connsiteX4" fmla="*/ 234950 w 902000"/>
                  <a:gd name="connsiteY4" fmla="*/ 12700 h 279700"/>
                  <a:gd name="connsiteX0" fmla="*/ 234950 w 895650"/>
                  <a:gd name="connsiteY0" fmla="*/ 0 h 267000"/>
                  <a:gd name="connsiteX1" fmla="*/ 895650 w 895650"/>
                  <a:gd name="connsiteY1" fmla="*/ 0 h 267000"/>
                  <a:gd name="connsiteX2" fmla="*/ 648000 w 895650"/>
                  <a:gd name="connsiteY2" fmla="*/ 267000 h 267000"/>
                  <a:gd name="connsiteX3" fmla="*/ 0 w 895650"/>
                  <a:gd name="connsiteY3" fmla="*/ 267000 h 267000"/>
                  <a:gd name="connsiteX4" fmla="*/ 234950 w 895650"/>
                  <a:gd name="connsiteY4" fmla="*/ 0 h 267000"/>
                  <a:gd name="connsiteX0" fmla="*/ 234950 w 886125"/>
                  <a:gd name="connsiteY0" fmla="*/ 0 h 267000"/>
                  <a:gd name="connsiteX1" fmla="*/ 886125 w 886125"/>
                  <a:gd name="connsiteY1" fmla="*/ 0 h 267000"/>
                  <a:gd name="connsiteX2" fmla="*/ 648000 w 886125"/>
                  <a:gd name="connsiteY2" fmla="*/ 267000 h 267000"/>
                  <a:gd name="connsiteX3" fmla="*/ 0 w 886125"/>
                  <a:gd name="connsiteY3" fmla="*/ 267000 h 267000"/>
                  <a:gd name="connsiteX4" fmla="*/ 234950 w 886125"/>
                  <a:gd name="connsiteY4" fmla="*/ 0 h 2670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886125" h="267000">
                    <a:moveTo>
                      <a:pt x="234950" y="0"/>
                    </a:moveTo>
                    <a:lnTo>
                      <a:pt x="886125" y="0"/>
                    </a:lnTo>
                    <a:lnTo>
                      <a:pt x="648000" y="267000"/>
                    </a:lnTo>
                    <a:lnTo>
                      <a:pt x="0" y="267000"/>
                    </a:lnTo>
                    <a:lnTo>
                      <a:pt x="234950" y="0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05" name="图片 304">
                <a:extLst>
                  <a:ext uri="{FF2B5EF4-FFF2-40B4-BE49-F238E27FC236}">
                    <a16:creationId xmlns:a16="http://schemas.microsoft.com/office/drawing/2014/main" id="{21A59C30-3C33-4250-A115-2AD2E463C82A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40613" y="3310161"/>
                <a:ext cx="301176" cy="218776"/>
              </a:xfrm>
              <a:prstGeom prst="rect">
                <a:avLst/>
              </a:prstGeom>
              <a:grpFill/>
            </p:spPr>
          </p:pic>
        </p:grpSp>
        <p:grpSp>
          <p:nvGrpSpPr>
            <p:cNvPr id="299" name="组合 298">
              <a:extLst>
                <a:ext uri="{FF2B5EF4-FFF2-40B4-BE49-F238E27FC236}">
                  <a16:creationId xmlns:a16="http://schemas.microsoft.com/office/drawing/2014/main" id="{2B156D6E-9086-49BD-8A08-F55A7AE82220}"/>
                </a:ext>
              </a:extLst>
            </p:cNvPr>
            <p:cNvGrpSpPr/>
            <p:nvPr/>
          </p:nvGrpSpPr>
          <p:grpSpPr>
            <a:xfrm>
              <a:off x="7408956" y="4339438"/>
              <a:ext cx="241258" cy="916782"/>
              <a:chOff x="3270112" y="3933773"/>
              <a:chExt cx="241258" cy="916782"/>
            </a:xfrm>
            <a:grpFill/>
          </p:grpSpPr>
          <p:sp>
            <p:nvSpPr>
              <p:cNvPr id="300" name="矩形 49">
                <a:extLst>
                  <a:ext uri="{FF2B5EF4-FFF2-40B4-BE49-F238E27FC236}">
                    <a16:creationId xmlns:a16="http://schemas.microsoft.com/office/drawing/2014/main" id="{80614AD0-F6B1-42D9-A81F-29EF079202CF}"/>
                  </a:ext>
                </a:extLst>
              </p:cNvPr>
              <p:cNvSpPr/>
              <p:nvPr/>
            </p:nvSpPr>
            <p:spPr>
              <a:xfrm>
                <a:off x="3270112" y="3933773"/>
                <a:ext cx="241258" cy="916782"/>
              </a:xfrm>
              <a:custGeom>
                <a:avLst/>
                <a:gdLst>
                  <a:gd name="connsiteX0" fmla="*/ 0 w 648000"/>
                  <a:gd name="connsiteY0" fmla="*/ 0 h 648000"/>
                  <a:gd name="connsiteX1" fmla="*/ 648000 w 648000"/>
                  <a:gd name="connsiteY1" fmla="*/ 0 h 648000"/>
                  <a:gd name="connsiteX2" fmla="*/ 648000 w 648000"/>
                  <a:gd name="connsiteY2" fmla="*/ 648000 h 648000"/>
                  <a:gd name="connsiteX3" fmla="*/ 0 w 648000"/>
                  <a:gd name="connsiteY3" fmla="*/ 648000 h 648000"/>
                  <a:gd name="connsiteX4" fmla="*/ 0 w 648000"/>
                  <a:gd name="connsiteY4" fmla="*/ 0 h 648000"/>
                  <a:gd name="connsiteX0" fmla="*/ 0 w 648000"/>
                  <a:gd name="connsiteY0" fmla="*/ 262964 h 910964"/>
                  <a:gd name="connsiteX1" fmla="*/ 259529 w 648000"/>
                  <a:gd name="connsiteY1" fmla="*/ 0 h 910964"/>
                  <a:gd name="connsiteX2" fmla="*/ 648000 w 648000"/>
                  <a:gd name="connsiteY2" fmla="*/ 910964 h 910964"/>
                  <a:gd name="connsiteX3" fmla="*/ 0 w 648000"/>
                  <a:gd name="connsiteY3" fmla="*/ 910964 h 910964"/>
                  <a:gd name="connsiteX4" fmla="*/ 0 w 648000"/>
                  <a:gd name="connsiteY4" fmla="*/ 262964 h 910964"/>
                  <a:gd name="connsiteX0" fmla="*/ 0 w 337223"/>
                  <a:gd name="connsiteY0" fmla="*/ 262964 h 910964"/>
                  <a:gd name="connsiteX1" fmla="*/ 259529 w 337223"/>
                  <a:gd name="connsiteY1" fmla="*/ 0 h 910964"/>
                  <a:gd name="connsiteX2" fmla="*/ 337223 w 337223"/>
                  <a:gd name="connsiteY2" fmla="*/ 821317 h 910964"/>
                  <a:gd name="connsiteX3" fmla="*/ 0 w 337223"/>
                  <a:gd name="connsiteY3" fmla="*/ 910964 h 910964"/>
                  <a:gd name="connsiteX4" fmla="*/ 0 w 337223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199764 w 259529"/>
                  <a:gd name="connsiteY2" fmla="*/ 755576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2964 h 910964"/>
                  <a:gd name="connsiteX1" fmla="*/ 259529 w 259529"/>
                  <a:gd name="connsiteY1" fmla="*/ 0 h 910964"/>
                  <a:gd name="connsiteX2" fmla="*/ 253552 w 259529"/>
                  <a:gd name="connsiteY2" fmla="*/ 636047 h 910964"/>
                  <a:gd name="connsiteX3" fmla="*/ 0 w 259529"/>
                  <a:gd name="connsiteY3" fmla="*/ 910964 h 910964"/>
                  <a:gd name="connsiteX4" fmla="*/ 0 w 259529"/>
                  <a:gd name="connsiteY4" fmla="*/ 262964 h 910964"/>
                  <a:gd name="connsiteX0" fmla="*/ 0 w 259529"/>
                  <a:gd name="connsiteY0" fmla="*/ 268941 h 916941"/>
                  <a:gd name="connsiteX1" fmla="*/ 259529 w 259529"/>
                  <a:gd name="connsiteY1" fmla="*/ 0 h 916941"/>
                  <a:gd name="connsiteX2" fmla="*/ 253552 w 259529"/>
                  <a:gd name="connsiteY2" fmla="*/ 642024 h 916941"/>
                  <a:gd name="connsiteX3" fmla="*/ 0 w 259529"/>
                  <a:gd name="connsiteY3" fmla="*/ 916941 h 916941"/>
                  <a:gd name="connsiteX4" fmla="*/ 0 w 259529"/>
                  <a:gd name="connsiteY4" fmla="*/ 268941 h 916941"/>
                  <a:gd name="connsiteX0" fmla="*/ 0 w 271654"/>
                  <a:gd name="connsiteY0" fmla="*/ 268941 h 916941"/>
                  <a:gd name="connsiteX1" fmla="*/ 259529 w 271654"/>
                  <a:gd name="connsiteY1" fmla="*/ 0 h 916941"/>
                  <a:gd name="connsiteX2" fmla="*/ 271482 w 271654"/>
                  <a:gd name="connsiteY2" fmla="*/ 624095 h 916941"/>
                  <a:gd name="connsiteX3" fmla="*/ 0 w 271654"/>
                  <a:gd name="connsiteY3" fmla="*/ 916941 h 916941"/>
                  <a:gd name="connsiteX4" fmla="*/ 0 w 271654"/>
                  <a:gd name="connsiteY4" fmla="*/ 268941 h 916941"/>
                  <a:gd name="connsiteX0" fmla="*/ 0 w 271583"/>
                  <a:gd name="connsiteY0" fmla="*/ 268941 h 916941"/>
                  <a:gd name="connsiteX1" fmla="*/ 247577 w 271583"/>
                  <a:gd name="connsiteY1" fmla="*/ 0 h 916941"/>
                  <a:gd name="connsiteX2" fmla="*/ 271482 w 271583"/>
                  <a:gd name="connsiteY2" fmla="*/ 624095 h 916941"/>
                  <a:gd name="connsiteX3" fmla="*/ 0 w 271583"/>
                  <a:gd name="connsiteY3" fmla="*/ 916941 h 916941"/>
                  <a:gd name="connsiteX4" fmla="*/ 0 w 271583"/>
                  <a:gd name="connsiteY4" fmla="*/ 268941 h 916941"/>
                  <a:gd name="connsiteX0" fmla="*/ 0 w 277542"/>
                  <a:gd name="connsiteY0" fmla="*/ 268941 h 916941"/>
                  <a:gd name="connsiteX1" fmla="*/ 247577 w 277542"/>
                  <a:gd name="connsiteY1" fmla="*/ 0 h 916941"/>
                  <a:gd name="connsiteX2" fmla="*/ 277458 w 277542"/>
                  <a:gd name="connsiteY2" fmla="*/ 618119 h 916941"/>
                  <a:gd name="connsiteX3" fmla="*/ 0 w 277542"/>
                  <a:gd name="connsiteY3" fmla="*/ 916941 h 916941"/>
                  <a:gd name="connsiteX4" fmla="*/ 0 w 277542"/>
                  <a:gd name="connsiteY4" fmla="*/ 268941 h 916941"/>
                  <a:gd name="connsiteX0" fmla="*/ 0 w 277521"/>
                  <a:gd name="connsiteY0" fmla="*/ 262964 h 910964"/>
                  <a:gd name="connsiteX1" fmla="*/ 235624 w 277521"/>
                  <a:gd name="connsiteY1" fmla="*/ 0 h 910964"/>
                  <a:gd name="connsiteX2" fmla="*/ 277458 w 277521"/>
                  <a:gd name="connsiteY2" fmla="*/ 612142 h 910964"/>
                  <a:gd name="connsiteX3" fmla="*/ 0 w 277521"/>
                  <a:gd name="connsiteY3" fmla="*/ 910964 h 910964"/>
                  <a:gd name="connsiteX4" fmla="*/ 0 w 277521"/>
                  <a:gd name="connsiteY4" fmla="*/ 262964 h 910964"/>
                  <a:gd name="connsiteX0" fmla="*/ 0 w 277530"/>
                  <a:gd name="connsiteY0" fmla="*/ 268941 h 916941"/>
                  <a:gd name="connsiteX1" fmla="*/ 241601 w 277530"/>
                  <a:gd name="connsiteY1" fmla="*/ 0 h 916941"/>
                  <a:gd name="connsiteX2" fmla="*/ 277458 w 277530"/>
                  <a:gd name="connsiteY2" fmla="*/ 618119 h 916941"/>
                  <a:gd name="connsiteX3" fmla="*/ 0 w 277530"/>
                  <a:gd name="connsiteY3" fmla="*/ 916941 h 916941"/>
                  <a:gd name="connsiteX4" fmla="*/ 0 w 277530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24096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59656"/>
                  <a:gd name="connsiteY0" fmla="*/ 268941 h 916941"/>
                  <a:gd name="connsiteX1" fmla="*/ 241601 w 259656"/>
                  <a:gd name="connsiteY1" fmla="*/ 0 h 916941"/>
                  <a:gd name="connsiteX2" fmla="*/ 259528 w 259656"/>
                  <a:gd name="connsiteY2" fmla="*/ 636049 h 916941"/>
                  <a:gd name="connsiteX3" fmla="*/ 0 w 259656"/>
                  <a:gd name="connsiteY3" fmla="*/ 916941 h 916941"/>
                  <a:gd name="connsiteX4" fmla="*/ 0 w 25965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24096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06"/>
                  <a:gd name="connsiteY0" fmla="*/ 268941 h 916941"/>
                  <a:gd name="connsiteX1" fmla="*/ 241601 w 265606"/>
                  <a:gd name="connsiteY1" fmla="*/ 0 h 916941"/>
                  <a:gd name="connsiteX2" fmla="*/ 265505 w 265606"/>
                  <a:gd name="connsiteY2" fmla="*/ 636049 h 916941"/>
                  <a:gd name="connsiteX3" fmla="*/ 0 w 265606"/>
                  <a:gd name="connsiteY3" fmla="*/ 916941 h 916941"/>
                  <a:gd name="connsiteX4" fmla="*/ 0 w 265606"/>
                  <a:gd name="connsiteY4" fmla="*/ 268941 h 916941"/>
                  <a:gd name="connsiteX0" fmla="*/ 0 w 265633"/>
                  <a:gd name="connsiteY0" fmla="*/ 268941 h 916941"/>
                  <a:gd name="connsiteX1" fmla="*/ 247577 w 265633"/>
                  <a:gd name="connsiteY1" fmla="*/ 0 h 916941"/>
                  <a:gd name="connsiteX2" fmla="*/ 265505 w 265633"/>
                  <a:gd name="connsiteY2" fmla="*/ 636049 h 916941"/>
                  <a:gd name="connsiteX3" fmla="*/ 0 w 265633"/>
                  <a:gd name="connsiteY3" fmla="*/ 916941 h 916941"/>
                  <a:gd name="connsiteX4" fmla="*/ 0 w 265633"/>
                  <a:gd name="connsiteY4" fmla="*/ 268941 h 916941"/>
                  <a:gd name="connsiteX0" fmla="*/ 0 w 265677"/>
                  <a:gd name="connsiteY0" fmla="*/ 268941 h 916941"/>
                  <a:gd name="connsiteX1" fmla="*/ 253554 w 265677"/>
                  <a:gd name="connsiteY1" fmla="*/ 0 h 916941"/>
                  <a:gd name="connsiteX2" fmla="*/ 265505 w 265677"/>
                  <a:gd name="connsiteY2" fmla="*/ 636049 h 916941"/>
                  <a:gd name="connsiteX3" fmla="*/ 0 w 265677"/>
                  <a:gd name="connsiteY3" fmla="*/ 916941 h 916941"/>
                  <a:gd name="connsiteX4" fmla="*/ 0 w 265677"/>
                  <a:gd name="connsiteY4" fmla="*/ 268941 h 916941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9456"/>
                  <a:gd name="connsiteY0" fmla="*/ 264966 h 912966"/>
                  <a:gd name="connsiteX1" fmla="*/ 269456 w 269456"/>
                  <a:gd name="connsiteY1" fmla="*/ 0 h 912966"/>
                  <a:gd name="connsiteX2" fmla="*/ 265505 w 269456"/>
                  <a:gd name="connsiteY2" fmla="*/ 632074 h 912966"/>
                  <a:gd name="connsiteX3" fmla="*/ 0 w 269456"/>
                  <a:gd name="connsiteY3" fmla="*/ 912966 h 912966"/>
                  <a:gd name="connsiteX4" fmla="*/ 0 w 269456"/>
                  <a:gd name="connsiteY4" fmla="*/ 264966 h 912966"/>
                  <a:gd name="connsiteX0" fmla="*/ 0 w 265826"/>
                  <a:gd name="connsiteY0" fmla="*/ 264966 h 912966"/>
                  <a:gd name="connsiteX1" fmla="*/ 261505 w 265826"/>
                  <a:gd name="connsiteY1" fmla="*/ 0 h 912966"/>
                  <a:gd name="connsiteX2" fmla="*/ 265505 w 265826"/>
                  <a:gd name="connsiteY2" fmla="*/ 632074 h 912966"/>
                  <a:gd name="connsiteX3" fmla="*/ 0 w 265826"/>
                  <a:gd name="connsiteY3" fmla="*/ 912966 h 912966"/>
                  <a:gd name="connsiteX4" fmla="*/ 0 w 265826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32074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0025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44001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6077"/>
                  <a:gd name="connsiteY0" fmla="*/ 264966 h 912966"/>
                  <a:gd name="connsiteX1" fmla="*/ 265481 w 266077"/>
                  <a:gd name="connsiteY1" fmla="*/ 0 h 912966"/>
                  <a:gd name="connsiteX2" fmla="*/ 265505 w 266077"/>
                  <a:gd name="connsiteY2" fmla="*/ 650959 h 912966"/>
                  <a:gd name="connsiteX3" fmla="*/ 0 w 266077"/>
                  <a:gd name="connsiteY3" fmla="*/ 912966 h 912966"/>
                  <a:gd name="connsiteX4" fmla="*/ 0 w 266077"/>
                  <a:gd name="connsiteY4" fmla="*/ 264966 h 912966"/>
                  <a:gd name="connsiteX0" fmla="*/ 0 w 268556"/>
                  <a:gd name="connsiteY0" fmla="*/ 264966 h 912966"/>
                  <a:gd name="connsiteX1" fmla="*/ 265481 w 268556"/>
                  <a:gd name="connsiteY1" fmla="*/ 0 h 912966"/>
                  <a:gd name="connsiteX2" fmla="*/ 268181 w 268556"/>
                  <a:gd name="connsiteY2" fmla="*/ 644002 h 912966"/>
                  <a:gd name="connsiteX3" fmla="*/ 0 w 268556"/>
                  <a:gd name="connsiteY3" fmla="*/ 912966 h 912966"/>
                  <a:gd name="connsiteX4" fmla="*/ 0 w 268556"/>
                  <a:gd name="connsiteY4" fmla="*/ 264966 h 912966"/>
                  <a:gd name="connsiteX0" fmla="*/ 0 w 269494"/>
                  <a:gd name="connsiteY0" fmla="*/ 267285 h 915285"/>
                  <a:gd name="connsiteX1" fmla="*/ 269494 w 269494"/>
                  <a:gd name="connsiteY1" fmla="*/ 0 h 915285"/>
                  <a:gd name="connsiteX2" fmla="*/ 268181 w 269494"/>
                  <a:gd name="connsiteY2" fmla="*/ 646321 h 915285"/>
                  <a:gd name="connsiteX3" fmla="*/ 0 w 269494"/>
                  <a:gd name="connsiteY3" fmla="*/ 915285 h 915285"/>
                  <a:gd name="connsiteX4" fmla="*/ 0 w 269494"/>
                  <a:gd name="connsiteY4" fmla="*/ 267285 h 915285"/>
                  <a:gd name="connsiteX0" fmla="*/ 0 w 269494"/>
                  <a:gd name="connsiteY0" fmla="*/ 264966 h 912966"/>
                  <a:gd name="connsiteX1" fmla="*/ 269494 w 269494"/>
                  <a:gd name="connsiteY1" fmla="*/ 0 h 912966"/>
                  <a:gd name="connsiteX2" fmla="*/ 268181 w 269494"/>
                  <a:gd name="connsiteY2" fmla="*/ 644002 h 912966"/>
                  <a:gd name="connsiteX3" fmla="*/ 0 w 269494"/>
                  <a:gd name="connsiteY3" fmla="*/ 912966 h 912966"/>
                  <a:gd name="connsiteX4" fmla="*/ 0 w 269494"/>
                  <a:gd name="connsiteY4" fmla="*/ 264966 h 912966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753"/>
                  <a:gd name="connsiteY0" fmla="*/ 269605 h 917605"/>
                  <a:gd name="connsiteX1" fmla="*/ 268156 w 268753"/>
                  <a:gd name="connsiteY1" fmla="*/ 0 h 917605"/>
                  <a:gd name="connsiteX2" fmla="*/ 268181 w 268753"/>
                  <a:gd name="connsiteY2" fmla="*/ 648641 h 917605"/>
                  <a:gd name="connsiteX3" fmla="*/ 0 w 268753"/>
                  <a:gd name="connsiteY3" fmla="*/ 917605 h 917605"/>
                  <a:gd name="connsiteX4" fmla="*/ 0 w 268753"/>
                  <a:gd name="connsiteY4" fmla="*/ 269605 h 917605"/>
                  <a:gd name="connsiteX0" fmla="*/ 0 w 268955"/>
                  <a:gd name="connsiteY0" fmla="*/ 269605 h 917605"/>
                  <a:gd name="connsiteX1" fmla="*/ 268955 w 268955"/>
                  <a:gd name="connsiteY1" fmla="*/ 0 h 917605"/>
                  <a:gd name="connsiteX2" fmla="*/ 268181 w 268955"/>
                  <a:gd name="connsiteY2" fmla="*/ 648641 h 917605"/>
                  <a:gd name="connsiteX3" fmla="*/ 0 w 268955"/>
                  <a:gd name="connsiteY3" fmla="*/ 917605 h 917605"/>
                  <a:gd name="connsiteX4" fmla="*/ 0 w 268955"/>
                  <a:gd name="connsiteY4" fmla="*/ 269605 h 91760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68424"/>
                  <a:gd name="connsiteY0" fmla="*/ 271995 h 919995"/>
                  <a:gd name="connsiteX1" fmla="*/ 261220 w 268424"/>
                  <a:gd name="connsiteY1" fmla="*/ 0 h 919995"/>
                  <a:gd name="connsiteX2" fmla="*/ 268181 w 268424"/>
                  <a:gd name="connsiteY2" fmla="*/ 651031 h 919995"/>
                  <a:gd name="connsiteX3" fmla="*/ 0 w 268424"/>
                  <a:gd name="connsiteY3" fmla="*/ 919995 h 919995"/>
                  <a:gd name="connsiteX4" fmla="*/ 0 w 268424"/>
                  <a:gd name="connsiteY4" fmla="*/ 271995 h 919995"/>
                  <a:gd name="connsiteX0" fmla="*/ 0 w 273507"/>
                  <a:gd name="connsiteY0" fmla="*/ 271995 h 919995"/>
                  <a:gd name="connsiteX1" fmla="*/ 261220 w 273507"/>
                  <a:gd name="connsiteY1" fmla="*/ 0 h 919995"/>
                  <a:gd name="connsiteX2" fmla="*/ 273337 w 273507"/>
                  <a:gd name="connsiteY2" fmla="*/ 643862 h 919995"/>
                  <a:gd name="connsiteX3" fmla="*/ 0 w 273507"/>
                  <a:gd name="connsiteY3" fmla="*/ 919995 h 919995"/>
                  <a:gd name="connsiteX4" fmla="*/ 0 w 273507"/>
                  <a:gd name="connsiteY4" fmla="*/ 271995 h 919995"/>
                  <a:gd name="connsiteX0" fmla="*/ 0 w 265910"/>
                  <a:gd name="connsiteY0" fmla="*/ 271995 h 919995"/>
                  <a:gd name="connsiteX1" fmla="*/ 261220 w 265910"/>
                  <a:gd name="connsiteY1" fmla="*/ 0 h 919995"/>
                  <a:gd name="connsiteX2" fmla="*/ 265602 w 265910"/>
                  <a:gd name="connsiteY2" fmla="*/ 639083 h 919995"/>
                  <a:gd name="connsiteX3" fmla="*/ 0 w 265910"/>
                  <a:gd name="connsiteY3" fmla="*/ 919995 h 919995"/>
                  <a:gd name="connsiteX4" fmla="*/ 0 w 265910"/>
                  <a:gd name="connsiteY4" fmla="*/ 271995 h 919995"/>
                  <a:gd name="connsiteX0" fmla="*/ 0 w 273509"/>
                  <a:gd name="connsiteY0" fmla="*/ 271995 h 919995"/>
                  <a:gd name="connsiteX1" fmla="*/ 261220 w 273509"/>
                  <a:gd name="connsiteY1" fmla="*/ 0 h 919995"/>
                  <a:gd name="connsiteX2" fmla="*/ 273338 w 273509"/>
                  <a:gd name="connsiteY2" fmla="*/ 636694 h 919995"/>
                  <a:gd name="connsiteX3" fmla="*/ 0 w 273509"/>
                  <a:gd name="connsiteY3" fmla="*/ 919995 h 919995"/>
                  <a:gd name="connsiteX4" fmla="*/ 0 w 273509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3863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  <a:gd name="connsiteX0" fmla="*/ 0 w 261220"/>
                  <a:gd name="connsiteY0" fmla="*/ 271995 h 919995"/>
                  <a:gd name="connsiteX1" fmla="*/ 261220 w 261220"/>
                  <a:gd name="connsiteY1" fmla="*/ 0 h 919995"/>
                  <a:gd name="connsiteX2" fmla="*/ 260447 w 261220"/>
                  <a:gd name="connsiteY2" fmla="*/ 646252 h 919995"/>
                  <a:gd name="connsiteX3" fmla="*/ 0 w 261220"/>
                  <a:gd name="connsiteY3" fmla="*/ 919995 h 919995"/>
                  <a:gd name="connsiteX4" fmla="*/ 0 w 261220"/>
                  <a:gd name="connsiteY4" fmla="*/ 271995 h 91999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61220" h="919995">
                    <a:moveTo>
                      <a:pt x="0" y="271995"/>
                    </a:moveTo>
                    <a:cubicBezTo>
                      <a:pt x="89652" y="182127"/>
                      <a:pt x="171568" y="89868"/>
                      <a:pt x="261220" y="0"/>
                    </a:cubicBezTo>
                    <a:cubicBezTo>
                      <a:pt x="259228" y="212016"/>
                      <a:pt x="262439" y="434236"/>
                      <a:pt x="260447" y="646252"/>
                    </a:cubicBezTo>
                    <a:lnTo>
                      <a:pt x="0" y="919995"/>
                    </a:lnTo>
                    <a:lnTo>
                      <a:pt x="0" y="271995"/>
                    </a:lnTo>
                    <a:close/>
                  </a:path>
                </a:pathLst>
              </a:cu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301" name="图片 300">
                <a:extLst>
                  <a:ext uri="{FF2B5EF4-FFF2-40B4-BE49-F238E27FC236}">
                    <a16:creationId xmlns:a16="http://schemas.microsoft.com/office/drawing/2014/main" id="{B4EBA9D9-0AA5-4EA8-BB8B-30B7B7594FB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3310509" y="4258668"/>
                <a:ext cx="166112" cy="267000"/>
              </a:xfrm>
              <a:prstGeom prst="rect">
                <a:avLst/>
              </a:prstGeom>
              <a:grpFill/>
            </p:spPr>
          </p:pic>
        </p:grpSp>
        <p:grpSp>
          <p:nvGrpSpPr>
            <p:cNvPr id="65" name="组合 64">
              <a:extLst>
                <a:ext uri="{FF2B5EF4-FFF2-40B4-BE49-F238E27FC236}">
                  <a16:creationId xmlns:a16="http://schemas.microsoft.com/office/drawing/2014/main" id="{07E4C0DF-B0AD-463B-94A5-175B2A6E2670}"/>
                </a:ext>
              </a:extLst>
            </p:cNvPr>
            <p:cNvGrpSpPr/>
            <p:nvPr/>
          </p:nvGrpSpPr>
          <p:grpSpPr>
            <a:xfrm>
              <a:off x="6121774" y="4607703"/>
              <a:ext cx="648000" cy="648000"/>
              <a:chOff x="4804138" y="1031033"/>
              <a:chExt cx="648000" cy="648000"/>
            </a:xfrm>
            <a:grpFill/>
          </p:grpSpPr>
          <p:sp>
            <p:nvSpPr>
              <p:cNvPr id="82" name="矩形 81">
                <a:extLst>
                  <a:ext uri="{FF2B5EF4-FFF2-40B4-BE49-F238E27FC236}">
                    <a16:creationId xmlns:a16="http://schemas.microsoft.com/office/drawing/2014/main" id="{7FFBE36F-5E57-4B1A-8C40-6C5C6EBFAF5F}"/>
                  </a:ext>
                </a:extLst>
              </p:cNvPr>
              <p:cNvSpPr/>
              <p:nvPr/>
            </p:nvSpPr>
            <p:spPr>
              <a:xfrm>
                <a:off x="4804138" y="1031033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pic>
            <p:nvPicPr>
              <p:cNvPr id="83" name="图片 82">
                <a:extLst>
                  <a:ext uri="{FF2B5EF4-FFF2-40B4-BE49-F238E27FC236}">
                    <a16:creationId xmlns:a16="http://schemas.microsoft.com/office/drawing/2014/main" id="{FC4CD100-7757-4B84-9EC8-CCD7D6BEE3E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5151" y="1235049"/>
                <a:ext cx="298167" cy="280277"/>
              </a:xfrm>
              <a:prstGeom prst="rect">
                <a:avLst/>
              </a:prstGeom>
              <a:grpFill/>
            </p:spPr>
          </p:pic>
        </p:grpSp>
        <p:grpSp>
          <p:nvGrpSpPr>
            <p:cNvPr id="66" name="组合 65">
              <a:extLst>
                <a:ext uri="{FF2B5EF4-FFF2-40B4-BE49-F238E27FC236}">
                  <a16:creationId xmlns:a16="http://schemas.microsoft.com/office/drawing/2014/main" id="{F19A1415-FF24-4E60-9BFB-8514721703F3}"/>
                </a:ext>
              </a:extLst>
            </p:cNvPr>
            <p:cNvGrpSpPr/>
            <p:nvPr/>
          </p:nvGrpSpPr>
          <p:grpSpPr>
            <a:xfrm>
              <a:off x="6765031" y="4607703"/>
              <a:ext cx="648000" cy="648000"/>
              <a:chOff x="4800844" y="1678266"/>
              <a:chExt cx="648000" cy="648000"/>
            </a:xfrm>
            <a:grpFill/>
          </p:grpSpPr>
          <p:sp>
            <p:nvSpPr>
              <p:cNvPr id="80" name="矩形 79">
                <a:extLst>
                  <a:ext uri="{FF2B5EF4-FFF2-40B4-BE49-F238E27FC236}">
                    <a16:creationId xmlns:a16="http://schemas.microsoft.com/office/drawing/2014/main" id="{2C96BCE9-CC58-4BEA-AD08-B744E9DB48E8}"/>
                  </a:ext>
                </a:extLst>
              </p:cNvPr>
              <p:cNvSpPr/>
              <p:nvPr/>
            </p:nvSpPr>
            <p:spPr>
              <a:xfrm>
                <a:off x="4800844" y="1678266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81" name="图片 80">
                <a:extLst>
                  <a:ext uri="{FF2B5EF4-FFF2-40B4-BE49-F238E27FC236}">
                    <a16:creationId xmlns:a16="http://schemas.microsoft.com/office/drawing/2014/main" id="{A9A9D3D2-5D27-44CA-B7F6-32801701C4F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9944" y="1858979"/>
                <a:ext cx="298526" cy="298526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695E3F5F-3C9E-4EAB-98DD-6EE42D571E1B}"/>
              </a:ext>
            </a:extLst>
          </p:cNvPr>
          <p:cNvGrpSpPr/>
          <p:nvPr/>
        </p:nvGrpSpPr>
        <p:grpSpPr>
          <a:xfrm>
            <a:off x="2170842" y="1423103"/>
            <a:ext cx="891539" cy="919539"/>
            <a:chOff x="6895317" y="4572818"/>
            <a:chExt cx="891539" cy="919539"/>
          </a:xfrm>
          <a:solidFill>
            <a:srgbClr val="FFFFFF"/>
          </a:solidFill>
        </p:grpSpPr>
        <p:grpSp>
          <p:nvGrpSpPr>
            <p:cNvPr id="35" name="组合 34">
              <a:extLst>
                <a:ext uri="{FF2B5EF4-FFF2-40B4-BE49-F238E27FC236}">
                  <a16:creationId xmlns:a16="http://schemas.microsoft.com/office/drawing/2014/main" id="{84733F85-66A8-40BD-8011-B7135ED7FD64}"/>
                </a:ext>
              </a:extLst>
            </p:cNvPr>
            <p:cNvGrpSpPr/>
            <p:nvPr/>
          </p:nvGrpSpPr>
          <p:grpSpPr>
            <a:xfrm>
              <a:off x="6895317" y="4572818"/>
              <a:ext cx="891539" cy="919539"/>
              <a:chOff x="6895317" y="4572818"/>
              <a:chExt cx="891539" cy="919539"/>
            </a:xfrm>
            <a:grpFill/>
          </p:grpSpPr>
          <p:grpSp>
            <p:nvGrpSpPr>
              <p:cNvPr id="313" name="组合 312">
                <a:extLst>
                  <a:ext uri="{FF2B5EF4-FFF2-40B4-BE49-F238E27FC236}">
                    <a16:creationId xmlns:a16="http://schemas.microsoft.com/office/drawing/2014/main" id="{A007464F-C357-412E-98E9-C89E6A2F2429}"/>
                  </a:ext>
                </a:extLst>
              </p:cNvPr>
              <p:cNvGrpSpPr/>
              <p:nvPr/>
            </p:nvGrpSpPr>
            <p:grpSpPr>
              <a:xfrm>
                <a:off x="7138856" y="4580382"/>
                <a:ext cx="648000" cy="648000"/>
                <a:chOff x="3506493" y="1677475"/>
                <a:chExt cx="648000" cy="648000"/>
              </a:xfrm>
              <a:grpFill/>
            </p:grpSpPr>
            <p:sp>
              <p:nvSpPr>
                <p:cNvPr id="329" name="矩形 328">
                  <a:extLst>
                    <a:ext uri="{FF2B5EF4-FFF2-40B4-BE49-F238E27FC236}">
                      <a16:creationId xmlns:a16="http://schemas.microsoft.com/office/drawing/2014/main" id="{F470D820-2321-4E36-A066-2AE182BDC884}"/>
                    </a:ext>
                  </a:extLst>
                </p:cNvPr>
                <p:cNvSpPr/>
                <p:nvPr/>
              </p:nvSpPr>
              <p:spPr>
                <a:xfrm>
                  <a:off x="3506493" y="1677475"/>
                  <a:ext cx="648000" cy="648000"/>
                </a:xfrm>
                <a:prstGeom prst="rect">
                  <a:avLst/>
                </a:prstGeom>
                <a:grpFill/>
                <a:ln w="952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  <p:pic>
              <p:nvPicPr>
                <p:cNvPr id="330" name="图片 329">
                  <a:extLst>
                    <a:ext uri="{FF2B5EF4-FFF2-40B4-BE49-F238E27FC236}">
                      <a16:creationId xmlns:a16="http://schemas.microsoft.com/office/drawing/2014/main" id="{232F1FBB-AD43-4D5C-A2E9-8841C28A2F36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8">
                  <a:clrChange>
                    <a:clrFrom>
                      <a:srgbClr val="FFFFFF"/>
                    </a:clrFrom>
                    <a:clrTo>
                      <a:srgbClr val="FFFFFF">
                        <a:alpha val="0"/>
                      </a:srgbClr>
                    </a:clrTo>
                  </a:clrChange>
                  <a:extLst>
                    <a:ext uri="{BEBA8EAE-BF5A-486C-A8C5-ECC9F3942E4B}">
                      <a14:imgProps xmlns:a14="http://schemas.microsoft.com/office/drawing/2010/main">
                        <a14:imgLayer r:embed="rId9">
                          <a14:imgEffect>
                            <a14:sharpenSoften amount="25000"/>
                          </a14:imgEffect>
                        </a14:imgLayer>
                      </a14:imgProps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3686131" y="1849075"/>
                  <a:ext cx="270294" cy="304800"/>
                </a:xfrm>
                <a:prstGeom prst="rect">
                  <a:avLst/>
                </a:prstGeom>
                <a:grpFill/>
              </p:spPr>
            </p:pic>
          </p:grpSp>
          <p:grpSp>
            <p:nvGrpSpPr>
              <p:cNvPr id="315" name="组合 314">
                <a:extLst>
                  <a:ext uri="{FF2B5EF4-FFF2-40B4-BE49-F238E27FC236}">
                    <a16:creationId xmlns:a16="http://schemas.microsoft.com/office/drawing/2014/main" id="{B86C1B32-5D7C-4FCF-A2C7-E8E4061333CB}"/>
                  </a:ext>
                </a:extLst>
              </p:cNvPr>
              <p:cNvGrpSpPr/>
              <p:nvPr/>
            </p:nvGrpSpPr>
            <p:grpSpPr>
              <a:xfrm>
                <a:off x="6896867" y="5219075"/>
                <a:ext cx="886125" cy="267000"/>
                <a:chOff x="4649959" y="3280148"/>
                <a:chExt cx="886125" cy="267000"/>
              </a:xfrm>
              <a:grpFill/>
            </p:grpSpPr>
            <p:sp>
              <p:nvSpPr>
                <p:cNvPr id="325" name="矩形 47">
                  <a:extLst>
                    <a:ext uri="{FF2B5EF4-FFF2-40B4-BE49-F238E27FC236}">
                      <a16:creationId xmlns:a16="http://schemas.microsoft.com/office/drawing/2014/main" id="{D0FAC6E6-51A4-45A7-8607-473FA0D27F9A}"/>
                    </a:ext>
                  </a:extLst>
                </p:cNvPr>
                <p:cNvSpPr/>
                <p:nvPr/>
              </p:nvSpPr>
              <p:spPr>
                <a:xfrm>
                  <a:off x="4649959" y="3280148"/>
                  <a:ext cx="886125" cy="267000"/>
                </a:xfrm>
                <a:custGeom>
                  <a:avLst/>
                  <a:gdLst>
                    <a:gd name="connsiteX0" fmla="*/ 0 w 648000"/>
                    <a:gd name="connsiteY0" fmla="*/ 0 h 648000"/>
                    <a:gd name="connsiteX1" fmla="*/ 648000 w 648000"/>
                    <a:gd name="connsiteY1" fmla="*/ 0 h 648000"/>
                    <a:gd name="connsiteX2" fmla="*/ 648000 w 648000"/>
                    <a:gd name="connsiteY2" fmla="*/ 648000 h 648000"/>
                    <a:gd name="connsiteX3" fmla="*/ 0 w 648000"/>
                    <a:gd name="connsiteY3" fmla="*/ 648000 h 648000"/>
                    <a:gd name="connsiteX4" fmla="*/ 0 w 648000"/>
                    <a:gd name="connsiteY4" fmla="*/ 0 h 648000"/>
                    <a:gd name="connsiteX0" fmla="*/ 0 w 902000"/>
                    <a:gd name="connsiteY0" fmla="*/ 0 h 648000"/>
                    <a:gd name="connsiteX1" fmla="*/ 902000 w 902000"/>
                    <a:gd name="connsiteY1" fmla="*/ 361950 h 648000"/>
                    <a:gd name="connsiteX2" fmla="*/ 648000 w 902000"/>
                    <a:gd name="connsiteY2" fmla="*/ 648000 h 648000"/>
                    <a:gd name="connsiteX3" fmla="*/ 0 w 902000"/>
                    <a:gd name="connsiteY3" fmla="*/ 648000 h 648000"/>
                    <a:gd name="connsiteX4" fmla="*/ 0 w 902000"/>
                    <a:gd name="connsiteY4" fmla="*/ 0 h 648000"/>
                    <a:gd name="connsiteX0" fmla="*/ 234950 w 902000"/>
                    <a:gd name="connsiteY0" fmla="*/ 19050 h 286050"/>
                    <a:gd name="connsiteX1" fmla="*/ 902000 w 902000"/>
                    <a:gd name="connsiteY1" fmla="*/ 0 h 286050"/>
                    <a:gd name="connsiteX2" fmla="*/ 648000 w 902000"/>
                    <a:gd name="connsiteY2" fmla="*/ 286050 h 286050"/>
                    <a:gd name="connsiteX3" fmla="*/ 0 w 902000"/>
                    <a:gd name="connsiteY3" fmla="*/ 286050 h 286050"/>
                    <a:gd name="connsiteX4" fmla="*/ 234950 w 902000"/>
                    <a:gd name="connsiteY4" fmla="*/ 19050 h 286050"/>
                    <a:gd name="connsiteX0" fmla="*/ 234950 w 902000"/>
                    <a:gd name="connsiteY0" fmla="*/ 12700 h 279700"/>
                    <a:gd name="connsiteX1" fmla="*/ 902000 w 902000"/>
                    <a:gd name="connsiteY1" fmla="*/ 0 h 279700"/>
                    <a:gd name="connsiteX2" fmla="*/ 648000 w 902000"/>
                    <a:gd name="connsiteY2" fmla="*/ 279700 h 279700"/>
                    <a:gd name="connsiteX3" fmla="*/ 0 w 902000"/>
                    <a:gd name="connsiteY3" fmla="*/ 279700 h 279700"/>
                    <a:gd name="connsiteX4" fmla="*/ 234950 w 902000"/>
                    <a:gd name="connsiteY4" fmla="*/ 12700 h 279700"/>
                    <a:gd name="connsiteX0" fmla="*/ 234950 w 895650"/>
                    <a:gd name="connsiteY0" fmla="*/ 0 h 267000"/>
                    <a:gd name="connsiteX1" fmla="*/ 895650 w 895650"/>
                    <a:gd name="connsiteY1" fmla="*/ 0 h 267000"/>
                    <a:gd name="connsiteX2" fmla="*/ 648000 w 895650"/>
                    <a:gd name="connsiteY2" fmla="*/ 267000 h 267000"/>
                    <a:gd name="connsiteX3" fmla="*/ 0 w 895650"/>
                    <a:gd name="connsiteY3" fmla="*/ 267000 h 267000"/>
                    <a:gd name="connsiteX4" fmla="*/ 234950 w 895650"/>
                    <a:gd name="connsiteY4" fmla="*/ 0 h 267000"/>
                    <a:gd name="connsiteX0" fmla="*/ 234950 w 886125"/>
                    <a:gd name="connsiteY0" fmla="*/ 0 h 267000"/>
                    <a:gd name="connsiteX1" fmla="*/ 886125 w 886125"/>
                    <a:gd name="connsiteY1" fmla="*/ 0 h 267000"/>
                    <a:gd name="connsiteX2" fmla="*/ 648000 w 886125"/>
                    <a:gd name="connsiteY2" fmla="*/ 267000 h 267000"/>
                    <a:gd name="connsiteX3" fmla="*/ 0 w 886125"/>
                    <a:gd name="connsiteY3" fmla="*/ 267000 h 267000"/>
                    <a:gd name="connsiteX4" fmla="*/ 234950 w 886125"/>
                    <a:gd name="connsiteY4" fmla="*/ 0 h 26700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</a:cxnLst>
                  <a:rect l="l" t="t" r="r" b="b"/>
                  <a:pathLst>
                    <a:path w="886125" h="267000">
                      <a:moveTo>
                        <a:pt x="234950" y="0"/>
                      </a:moveTo>
                      <a:lnTo>
                        <a:pt x="886125" y="0"/>
                      </a:lnTo>
                      <a:lnTo>
                        <a:pt x="648000" y="267000"/>
                      </a:lnTo>
                      <a:lnTo>
                        <a:pt x="0" y="267000"/>
                      </a:lnTo>
                      <a:lnTo>
                        <a:pt x="234950" y="0"/>
                      </a:lnTo>
                      <a:close/>
                    </a:path>
                  </a:pathLst>
                </a:custGeom>
                <a:grpFill/>
                <a:ln w="952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pic>
              <p:nvPicPr>
                <p:cNvPr id="326" name="图片 325">
                  <a:extLst>
                    <a:ext uri="{FF2B5EF4-FFF2-40B4-BE49-F238E27FC236}">
                      <a16:creationId xmlns:a16="http://schemas.microsoft.com/office/drawing/2014/main" id="{BC2383D1-1887-4381-9449-C2D140A5208E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12">
                  <a:clrChange>
                    <a:clrFrom>
                      <a:srgbClr val="FFFFFF"/>
                    </a:clrFrom>
                    <a:clrTo>
                      <a:srgbClr val="FFFFFF">
                        <a:alpha val="0"/>
                      </a:srgbClr>
                    </a:clrTo>
                  </a:clrChange>
                  <a:extLst>
                    <a:ext uri="{BEBA8EAE-BF5A-486C-A8C5-ECC9F3942E4B}">
                      <a14:imgProps xmlns:a14="http://schemas.microsoft.com/office/drawing/2010/main">
                        <a14:imgLayer r:embed="rId13">
                          <a14:imgEffect>
                            <a14:sharpenSoften amount="25000"/>
                          </a14:imgEffect>
                        </a14:imgLayer>
                      </a14:imgProps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4940613" y="3310161"/>
                  <a:ext cx="301176" cy="218776"/>
                </a:xfrm>
                <a:prstGeom prst="rect">
                  <a:avLst/>
                </a:prstGeom>
                <a:grpFill/>
              </p:spPr>
            </p:pic>
          </p:grpSp>
          <p:grpSp>
            <p:nvGrpSpPr>
              <p:cNvPr id="316" name="组合 315">
                <a:extLst>
                  <a:ext uri="{FF2B5EF4-FFF2-40B4-BE49-F238E27FC236}">
                    <a16:creationId xmlns:a16="http://schemas.microsoft.com/office/drawing/2014/main" id="{62E6D438-02D7-4B07-A8BF-1E6C436DD61F}"/>
                  </a:ext>
                </a:extLst>
              </p:cNvPr>
              <p:cNvGrpSpPr/>
              <p:nvPr/>
            </p:nvGrpSpPr>
            <p:grpSpPr>
              <a:xfrm>
                <a:off x="7545598" y="4572818"/>
                <a:ext cx="241258" cy="916782"/>
                <a:chOff x="3270112" y="3933113"/>
                <a:chExt cx="241258" cy="916782"/>
              </a:xfrm>
              <a:grpFill/>
            </p:grpSpPr>
            <p:sp>
              <p:nvSpPr>
                <p:cNvPr id="323" name="矩形 49">
                  <a:extLst>
                    <a:ext uri="{FF2B5EF4-FFF2-40B4-BE49-F238E27FC236}">
                      <a16:creationId xmlns:a16="http://schemas.microsoft.com/office/drawing/2014/main" id="{E4BFA507-F1BD-4090-86AF-9D8FA1889038}"/>
                    </a:ext>
                  </a:extLst>
                </p:cNvPr>
                <p:cNvSpPr/>
                <p:nvPr/>
              </p:nvSpPr>
              <p:spPr>
                <a:xfrm>
                  <a:off x="3270112" y="3933113"/>
                  <a:ext cx="241258" cy="916782"/>
                </a:xfrm>
                <a:custGeom>
                  <a:avLst/>
                  <a:gdLst>
                    <a:gd name="connsiteX0" fmla="*/ 0 w 648000"/>
                    <a:gd name="connsiteY0" fmla="*/ 0 h 648000"/>
                    <a:gd name="connsiteX1" fmla="*/ 648000 w 648000"/>
                    <a:gd name="connsiteY1" fmla="*/ 0 h 648000"/>
                    <a:gd name="connsiteX2" fmla="*/ 648000 w 648000"/>
                    <a:gd name="connsiteY2" fmla="*/ 648000 h 648000"/>
                    <a:gd name="connsiteX3" fmla="*/ 0 w 648000"/>
                    <a:gd name="connsiteY3" fmla="*/ 648000 h 648000"/>
                    <a:gd name="connsiteX4" fmla="*/ 0 w 648000"/>
                    <a:gd name="connsiteY4" fmla="*/ 0 h 648000"/>
                    <a:gd name="connsiteX0" fmla="*/ 0 w 648000"/>
                    <a:gd name="connsiteY0" fmla="*/ 262964 h 910964"/>
                    <a:gd name="connsiteX1" fmla="*/ 259529 w 648000"/>
                    <a:gd name="connsiteY1" fmla="*/ 0 h 910964"/>
                    <a:gd name="connsiteX2" fmla="*/ 648000 w 648000"/>
                    <a:gd name="connsiteY2" fmla="*/ 910964 h 910964"/>
                    <a:gd name="connsiteX3" fmla="*/ 0 w 648000"/>
                    <a:gd name="connsiteY3" fmla="*/ 910964 h 910964"/>
                    <a:gd name="connsiteX4" fmla="*/ 0 w 648000"/>
                    <a:gd name="connsiteY4" fmla="*/ 262964 h 910964"/>
                    <a:gd name="connsiteX0" fmla="*/ 0 w 337223"/>
                    <a:gd name="connsiteY0" fmla="*/ 262964 h 910964"/>
                    <a:gd name="connsiteX1" fmla="*/ 259529 w 337223"/>
                    <a:gd name="connsiteY1" fmla="*/ 0 h 910964"/>
                    <a:gd name="connsiteX2" fmla="*/ 337223 w 337223"/>
                    <a:gd name="connsiteY2" fmla="*/ 821317 h 910964"/>
                    <a:gd name="connsiteX3" fmla="*/ 0 w 337223"/>
                    <a:gd name="connsiteY3" fmla="*/ 910964 h 910964"/>
                    <a:gd name="connsiteX4" fmla="*/ 0 w 337223"/>
                    <a:gd name="connsiteY4" fmla="*/ 262964 h 910964"/>
                    <a:gd name="connsiteX0" fmla="*/ 0 w 259529"/>
                    <a:gd name="connsiteY0" fmla="*/ 262964 h 910964"/>
                    <a:gd name="connsiteX1" fmla="*/ 259529 w 259529"/>
                    <a:gd name="connsiteY1" fmla="*/ 0 h 910964"/>
                    <a:gd name="connsiteX2" fmla="*/ 199764 w 259529"/>
                    <a:gd name="connsiteY2" fmla="*/ 755576 h 910964"/>
                    <a:gd name="connsiteX3" fmla="*/ 0 w 259529"/>
                    <a:gd name="connsiteY3" fmla="*/ 910964 h 910964"/>
                    <a:gd name="connsiteX4" fmla="*/ 0 w 259529"/>
                    <a:gd name="connsiteY4" fmla="*/ 262964 h 910964"/>
                    <a:gd name="connsiteX0" fmla="*/ 0 w 259529"/>
                    <a:gd name="connsiteY0" fmla="*/ 262964 h 910964"/>
                    <a:gd name="connsiteX1" fmla="*/ 259529 w 259529"/>
                    <a:gd name="connsiteY1" fmla="*/ 0 h 910964"/>
                    <a:gd name="connsiteX2" fmla="*/ 253552 w 259529"/>
                    <a:gd name="connsiteY2" fmla="*/ 636047 h 910964"/>
                    <a:gd name="connsiteX3" fmla="*/ 0 w 259529"/>
                    <a:gd name="connsiteY3" fmla="*/ 910964 h 910964"/>
                    <a:gd name="connsiteX4" fmla="*/ 0 w 259529"/>
                    <a:gd name="connsiteY4" fmla="*/ 262964 h 910964"/>
                    <a:gd name="connsiteX0" fmla="*/ 0 w 259529"/>
                    <a:gd name="connsiteY0" fmla="*/ 268941 h 916941"/>
                    <a:gd name="connsiteX1" fmla="*/ 259529 w 259529"/>
                    <a:gd name="connsiteY1" fmla="*/ 0 h 916941"/>
                    <a:gd name="connsiteX2" fmla="*/ 253552 w 259529"/>
                    <a:gd name="connsiteY2" fmla="*/ 642024 h 916941"/>
                    <a:gd name="connsiteX3" fmla="*/ 0 w 259529"/>
                    <a:gd name="connsiteY3" fmla="*/ 916941 h 916941"/>
                    <a:gd name="connsiteX4" fmla="*/ 0 w 259529"/>
                    <a:gd name="connsiteY4" fmla="*/ 268941 h 916941"/>
                    <a:gd name="connsiteX0" fmla="*/ 0 w 271654"/>
                    <a:gd name="connsiteY0" fmla="*/ 268941 h 916941"/>
                    <a:gd name="connsiteX1" fmla="*/ 259529 w 271654"/>
                    <a:gd name="connsiteY1" fmla="*/ 0 h 916941"/>
                    <a:gd name="connsiteX2" fmla="*/ 271482 w 271654"/>
                    <a:gd name="connsiteY2" fmla="*/ 624095 h 916941"/>
                    <a:gd name="connsiteX3" fmla="*/ 0 w 271654"/>
                    <a:gd name="connsiteY3" fmla="*/ 916941 h 916941"/>
                    <a:gd name="connsiteX4" fmla="*/ 0 w 271654"/>
                    <a:gd name="connsiteY4" fmla="*/ 268941 h 916941"/>
                    <a:gd name="connsiteX0" fmla="*/ 0 w 271583"/>
                    <a:gd name="connsiteY0" fmla="*/ 268941 h 916941"/>
                    <a:gd name="connsiteX1" fmla="*/ 247577 w 271583"/>
                    <a:gd name="connsiteY1" fmla="*/ 0 h 916941"/>
                    <a:gd name="connsiteX2" fmla="*/ 271482 w 271583"/>
                    <a:gd name="connsiteY2" fmla="*/ 624095 h 916941"/>
                    <a:gd name="connsiteX3" fmla="*/ 0 w 271583"/>
                    <a:gd name="connsiteY3" fmla="*/ 916941 h 916941"/>
                    <a:gd name="connsiteX4" fmla="*/ 0 w 271583"/>
                    <a:gd name="connsiteY4" fmla="*/ 268941 h 916941"/>
                    <a:gd name="connsiteX0" fmla="*/ 0 w 277542"/>
                    <a:gd name="connsiteY0" fmla="*/ 268941 h 916941"/>
                    <a:gd name="connsiteX1" fmla="*/ 247577 w 277542"/>
                    <a:gd name="connsiteY1" fmla="*/ 0 h 916941"/>
                    <a:gd name="connsiteX2" fmla="*/ 277458 w 277542"/>
                    <a:gd name="connsiteY2" fmla="*/ 618119 h 916941"/>
                    <a:gd name="connsiteX3" fmla="*/ 0 w 277542"/>
                    <a:gd name="connsiteY3" fmla="*/ 916941 h 916941"/>
                    <a:gd name="connsiteX4" fmla="*/ 0 w 277542"/>
                    <a:gd name="connsiteY4" fmla="*/ 268941 h 916941"/>
                    <a:gd name="connsiteX0" fmla="*/ 0 w 277521"/>
                    <a:gd name="connsiteY0" fmla="*/ 262964 h 910964"/>
                    <a:gd name="connsiteX1" fmla="*/ 235624 w 277521"/>
                    <a:gd name="connsiteY1" fmla="*/ 0 h 910964"/>
                    <a:gd name="connsiteX2" fmla="*/ 277458 w 277521"/>
                    <a:gd name="connsiteY2" fmla="*/ 612142 h 910964"/>
                    <a:gd name="connsiteX3" fmla="*/ 0 w 277521"/>
                    <a:gd name="connsiteY3" fmla="*/ 910964 h 910964"/>
                    <a:gd name="connsiteX4" fmla="*/ 0 w 277521"/>
                    <a:gd name="connsiteY4" fmla="*/ 262964 h 910964"/>
                    <a:gd name="connsiteX0" fmla="*/ 0 w 277530"/>
                    <a:gd name="connsiteY0" fmla="*/ 268941 h 916941"/>
                    <a:gd name="connsiteX1" fmla="*/ 241601 w 277530"/>
                    <a:gd name="connsiteY1" fmla="*/ 0 h 916941"/>
                    <a:gd name="connsiteX2" fmla="*/ 277458 w 277530"/>
                    <a:gd name="connsiteY2" fmla="*/ 618119 h 916941"/>
                    <a:gd name="connsiteX3" fmla="*/ 0 w 277530"/>
                    <a:gd name="connsiteY3" fmla="*/ 916941 h 916941"/>
                    <a:gd name="connsiteX4" fmla="*/ 0 w 277530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24096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59656"/>
                    <a:gd name="connsiteY0" fmla="*/ 268941 h 916941"/>
                    <a:gd name="connsiteX1" fmla="*/ 241601 w 259656"/>
                    <a:gd name="connsiteY1" fmla="*/ 0 h 916941"/>
                    <a:gd name="connsiteX2" fmla="*/ 259528 w 259656"/>
                    <a:gd name="connsiteY2" fmla="*/ 624096 h 916941"/>
                    <a:gd name="connsiteX3" fmla="*/ 0 w 259656"/>
                    <a:gd name="connsiteY3" fmla="*/ 916941 h 916941"/>
                    <a:gd name="connsiteX4" fmla="*/ 0 w 259656"/>
                    <a:gd name="connsiteY4" fmla="*/ 268941 h 916941"/>
                    <a:gd name="connsiteX0" fmla="*/ 0 w 259656"/>
                    <a:gd name="connsiteY0" fmla="*/ 268941 h 916941"/>
                    <a:gd name="connsiteX1" fmla="*/ 241601 w 259656"/>
                    <a:gd name="connsiteY1" fmla="*/ 0 h 916941"/>
                    <a:gd name="connsiteX2" fmla="*/ 259528 w 259656"/>
                    <a:gd name="connsiteY2" fmla="*/ 636049 h 916941"/>
                    <a:gd name="connsiteX3" fmla="*/ 0 w 259656"/>
                    <a:gd name="connsiteY3" fmla="*/ 916941 h 916941"/>
                    <a:gd name="connsiteX4" fmla="*/ 0 w 259656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24096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36049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65633"/>
                    <a:gd name="connsiteY0" fmla="*/ 268941 h 916941"/>
                    <a:gd name="connsiteX1" fmla="*/ 247577 w 265633"/>
                    <a:gd name="connsiteY1" fmla="*/ 0 h 916941"/>
                    <a:gd name="connsiteX2" fmla="*/ 265505 w 265633"/>
                    <a:gd name="connsiteY2" fmla="*/ 636049 h 916941"/>
                    <a:gd name="connsiteX3" fmla="*/ 0 w 265633"/>
                    <a:gd name="connsiteY3" fmla="*/ 916941 h 916941"/>
                    <a:gd name="connsiteX4" fmla="*/ 0 w 265633"/>
                    <a:gd name="connsiteY4" fmla="*/ 268941 h 916941"/>
                    <a:gd name="connsiteX0" fmla="*/ 0 w 265677"/>
                    <a:gd name="connsiteY0" fmla="*/ 268941 h 916941"/>
                    <a:gd name="connsiteX1" fmla="*/ 253554 w 265677"/>
                    <a:gd name="connsiteY1" fmla="*/ 0 h 916941"/>
                    <a:gd name="connsiteX2" fmla="*/ 265505 w 265677"/>
                    <a:gd name="connsiteY2" fmla="*/ 636049 h 916941"/>
                    <a:gd name="connsiteX3" fmla="*/ 0 w 265677"/>
                    <a:gd name="connsiteY3" fmla="*/ 916941 h 916941"/>
                    <a:gd name="connsiteX4" fmla="*/ 0 w 265677"/>
                    <a:gd name="connsiteY4" fmla="*/ 268941 h 916941"/>
                    <a:gd name="connsiteX0" fmla="*/ 0 w 265826"/>
                    <a:gd name="connsiteY0" fmla="*/ 264966 h 912966"/>
                    <a:gd name="connsiteX1" fmla="*/ 261505 w 265826"/>
                    <a:gd name="connsiteY1" fmla="*/ 0 h 912966"/>
                    <a:gd name="connsiteX2" fmla="*/ 265505 w 265826"/>
                    <a:gd name="connsiteY2" fmla="*/ 632074 h 912966"/>
                    <a:gd name="connsiteX3" fmla="*/ 0 w 265826"/>
                    <a:gd name="connsiteY3" fmla="*/ 912966 h 912966"/>
                    <a:gd name="connsiteX4" fmla="*/ 0 w 265826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32074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9456"/>
                    <a:gd name="connsiteY0" fmla="*/ 264966 h 912966"/>
                    <a:gd name="connsiteX1" fmla="*/ 269456 w 269456"/>
                    <a:gd name="connsiteY1" fmla="*/ 0 h 912966"/>
                    <a:gd name="connsiteX2" fmla="*/ 265505 w 269456"/>
                    <a:gd name="connsiteY2" fmla="*/ 632074 h 912966"/>
                    <a:gd name="connsiteX3" fmla="*/ 0 w 269456"/>
                    <a:gd name="connsiteY3" fmla="*/ 912966 h 912966"/>
                    <a:gd name="connsiteX4" fmla="*/ 0 w 269456"/>
                    <a:gd name="connsiteY4" fmla="*/ 264966 h 912966"/>
                    <a:gd name="connsiteX0" fmla="*/ 0 w 265826"/>
                    <a:gd name="connsiteY0" fmla="*/ 264966 h 912966"/>
                    <a:gd name="connsiteX1" fmla="*/ 261505 w 265826"/>
                    <a:gd name="connsiteY1" fmla="*/ 0 h 912966"/>
                    <a:gd name="connsiteX2" fmla="*/ 265505 w 265826"/>
                    <a:gd name="connsiteY2" fmla="*/ 632074 h 912966"/>
                    <a:gd name="connsiteX3" fmla="*/ 0 w 265826"/>
                    <a:gd name="connsiteY3" fmla="*/ 912966 h 912966"/>
                    <a:gd name="connsiteX4" fmla="*/ 0 w 265826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32074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40025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44001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50959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8556"/>
                    <a:gd name="connsiteY0" fmla="*/ 264966 h 912966"/>
                    <a:gd name="connsiteX1" fmla="*/ 265481 w 268556"/>
                    <a:gd name="connsiteY1" fmla="*/ 0 h 912966"/>
                    <a:gd name="connsiteX2" fmla="*/ 268181 w 268556"/>
                    <a:gd name="connsiteY2" fmla="*/ 644002 h 912966"/>
                    <a:gd name="connsiteX3" fmla="*/ 0 w 268556"/>
                    <a:gd name="connsiteY3" fmla="*/ 912966 h 912966"/>
                    <a:gd name="connsiteX4" fmla="*/ 0 w 268556"/>
                    <a:gd name="connsiteY4" fmla="*/ 264966 h 912966"/>
                    <a:gd name="connsiteX0" fmla="*/ 0 w 269494"/>
                    <a:gd name="connsiteY0" fmla="*/ 267285 h 915285"/>
                    <a:gd name="connsiteX1" fmla="*/ 269494 w 269494"/>
                    <a:gd name="connsiteY1" fmla="*/ 0 h 915285"/>
                    <a:gd name="connsiteX2" fmla="*/ 268181 w 269494"/>
                    <a:gd name="connsiteY2" fmla="*/ 646321 h 915285"/>
                    <a:gd name="connsiteX3" fmla="*/ 0 w 269494"/>
                    <a:gd name="connsiteY3" fmla="*/ 915285 h 915285"/>
                    <a:gd name="connsiteX4" fmla="*/ 0 w 269494"/>
                    <a:gd name="connsiteY4" fmla="*/ 267285 h 915285"/>
                    <a:gd name="connsiteX0" fmla="*/ 0 w 269494"/>
                    <a:gd name="connsiteY0" fmla="*/ 264966 h 912966"/>
                    <a:gd name="connsiteX1" fmla="*/ 269494 w 269494"/>
                    <a:gd name="connsiteY1" fmla="*/ 0 h 912966"/>
                    <a:gd name="connsiteX2" fmla="*/ 268181 w 269494"/>
                    <a:gd name="connsiteY2" fmla="*/ 644002 h 912966"/>
                    <a:gd name="connsiteX3" fmla="*/ 0 w 269494"/>
                    <a:gd name="connsiteY3" fmla="*/ 912966 h 912966"/>
                    <a:gd name="connsiteX4" fmla="*/ 0 w 269494"/>
                    <a:gd name="connsiteY4" fmla="*/ 264966 h 912966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955"/>
                    <a:gd name="connsiteY0" fmla="*/ 269605 h 917605"/>
                    <a:gd name="connsiteX1" fmla="*/ 268955 w 268955"/>
                    <a:gd name="connsiteY1" fmla="*/ 0 h 917605"/>
                    <a:gd name="connsiteX2" fmla="*/ 268181 w 268955"/>
                    <a:gd name="connsiteY2" fmla="*/ 648641 h 917605"/>
                    <a:gd name="connsiteX3" fmla="*/ 0 w 268955"/>
                    <a:gd name="connsiteY3" fmla="*/ 917605 h 917605"/>
                    <a:gd name="connsiteX4" fmla="*/ 0 w 268955"/>
                    <a:gd name="connsiteY4" fmla="*/ 269605 h 917605"/>
                    <a:gd name="connsiteX0" fmla="*/ 0 w 268424"/>
                    <a:gd name="connsiteY0" fmla="*/ 271995 h 919995"/>
                    <a:gd name="connsiteX1" fmla="*/ 261220 w 268424"/>
                    <a:gd name="connsiteY1" fmla="*/ 0 h 919995"/>
                    <a:gd name="connsiteX2" fmla="*/ 268181 w 268424"/>
                    <a:gd name="connsiteY2" fmla="*/ 651031 h 919995"/>
                    <a:gd name="connsiteX3" fmla="*/ 0 w 268424"/>
                    <a:gd name="connsiteY3" fmla="*/ 919995 h 919995"/>
                    <a:gd name="connsiteX4" fmla="*/ 0 w 268424"/>
                    <a:gd name="connsiteY4" fmla="*/ 271995 h 919995"/>
                    <a:gd name="connsiteX0" fmla="*/ 0 w 268424"/>
                    <a:gd name="connsiteY0" fmla="*/ 271995 h 919995"/>
                    <a:gd name="connsiteX1" fmla="*/ 261220 w 268424"/>
                    <a:gd name="connsiteY1" fmla="*/ 0 h 919995"/>
                    <a:gd name="connsiteX2" fmla="*/ 268181 w 268424"/>
                    <a:gd name="connsiteY2" fmla="*/ 651031 h 919995"/>
                    <a:gd name="connsiteX3" fmla="*/ 0 w 268424"/>
                    <a:gd name="connsiteY3" fmla="*/ 919995 h 919995"/>
                    <a:gd name="connsiteX4" fmla="*/ 0 w 268424"/>
                    <a:gd name="connsiteY4" fmla="*/ 271995 h 919995"/>
                    <a:gd name="connsiteX0" fmla="*/ 0 w 273507"/>
                    <a:gd name="connsiteY0" fmla="*/ 271995 h 919995"/>
                    <a:gd name="connsiteX1" fmla="*/ 261220 w 273507"/>
                    <a:gd name="connsiteY1" fmla="*/ 0 h 919995"/>
                    <a:gd name="connsiteX2" fmla="*/ 273337 w 273507"/>
                    <a:gd name="connsiteY2" fmla="*/ 643862 h 919995"/>
                    <a:gd name="connsiteX3" fmla="*/ 0 w 273507"/>
                    <a:gd name="connsiteY3" fmla="*/ 919995 h 919995"/>
                    <a:gd name="connsiteX4" fmla="*/ 0 w 273507"/>
                    <a:gd name="connsiteY4" fmla="*/ 271995 h 919995"/>
                    <a:gd name="connsiteX0" fmla="*/ 0 w 265910"/>
                    <a:gd name="connsiteY0" fmla="*/ 271995 h 919995"/>
                    <a:gd name="connsiteX1" fmla="*/ 261220 w 265910"/>
                    <a:gd name="connsiteY1" fmla="*/ 0 h 919995"/>
                    <a:gd name="connsiteX2" fmla="*/ 265602 w 265910"/>
                    <a:gd name="connsiteY2" fmla="*/ 639083 h 919995"/>
                    <a:gd name="connsiteX3" fmla="*/ 0 w 265910"/>
                    <a:gd name="connsiteY3" fmla="*/ 919995 h 919995"/>
                    <a:gd name="connsiteX4" fmla="*/ 0 w 265910"/>
                    <a:gd name="connsiteY4" fmla="*/ 271995 h 919995"/>
                    <a:gd name="connsiteX0" fmla="*/ 0 w 273509"/>
                    <a:gd name="connsiteY0" fmla="*/ 271995 h 919995"/>
                    <a:gd name="connsiteX1" fmla="*/ 261220 w 273509"/>
                    <a:gd name="connsiteY1" fmla="*/ 0 h 919995"/>
                    <a:gd name="connsiteX2" fmla="*/ 273338 w 273509"/>
                    <a:gd name="connsiteY2" fmla="*/ 636694 h 919995"/>
                    <a:gd name="connsiteX3" fmla="*/ 0 w 273509"/>
                    <a:gd name="connsiteY3" fmla="*/ 919995 h 919995"/>
                    <a:gd name="connsiteX4" fmla="*/ 0 w 273509"/>
                    <a:gd name="connsiteY4" fmla="*/ 271995 h 919995"/>
                    <a:gd name="connsiteX0" fmla="*/ 0 w 261220"/>
                    <a:gd name="connsiteY0" fmla="*/ 271995 h 919995"/>
                    <a:gd name="connsiteX1" fmla="*/ 261220 w 261220"/>
                    <a:gd name="connsiteY1" fmla="*/ 0 h 919995"/>
                    <a:gd name="connsiteX2" fmla="*/ 260447 w 261220"/>
                    <a:gd name="connsiteY2" fmla="*/ 643863 h 919995"/>
                    <a:gd name="connsiteX3" fmla="*/ 0 w 261220"/>
                    <a:gd name="connsiteY3" fmla="*/ 919995 h 919995"/>
                    <a:gd name="connsiteX4" fmla="*/ 0 w 261220"/>
                    <a:gd name="connsiteY4" fmla="*/ 271995 h 919995"/>
                    <a:gd name="connsiteX0" fmla="*/ 0 w 261220"/>
                    <a:gd name="connsiteY0" fmla="*/ 271995 h 919995"/>
                    <a:gd name="connsiteX1" fmla="*/ 261220 w 261220"/>
                    <a:gd name="connsiteY1" fmla="*/ 0 h 919995"/>
                    <a:gd name="connsiteX2" fmla="*/ 260447 w 261220"/>
                    <a:gd name="connsiteY2" fmla="*/ 646252 h 919995"/>
                    <a:gd name="connsiteX3" fmla="*/ 0 w 261220"/>
                    <a:gd name="connsiteY3" fmla="*/ 919995 h 919995"/>
                    <a:gd name="connsiteX4" fmla="*/ 0 w 261220"/>
                    <a:gd name="connsiteY4" fmla="*/ 271995 h 91999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</a:cxnLst>
                  <a:rect l="l" t="t" r="r" b="b"/>
                  <a:pathLst>
                    <a:path w="261220" h="919995">
                      <a:moveTo>
                        <a:pt x="0" y="271995"/>
                      </a:moveTo>
                      <a:cubicBezTo>
                        <a:pt x="89652" y="182127"/>
                        <a:pt x="171568" y="89868"/>
                        <a:pt x="261220" y="0"/>
                      </a:cubicBezTo>
                      <a:cubicBezTo>
                        <a:pt x="259228" y="212016"/>
                        <a:pt x="262439" y="434236"/>
                        <a:pt x="260447" y="646252"/>
                      </a:cubicBezTo>
                      <a:lnTo>
                        <a:pt x="0" y="919995"/>
                      </a:lnTo>
                      <a:lnTo>
                        <a:pt x="0" y="271995"/>
                      </a:lnTo>
                      <a:close/>
                    </a:path>
                  </a:pathLst>
                </a:custGeom>
                <a:grpFill/>
                <a:ln w="952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pic>
              <p:nvPicPr>
                <p:cNvPr id="324" name="图片 323">
                  <a:extLst>
                    <a:ext uri="{FF2B5EF4-FFF2-40B4-BE49-F238E27FC236}">
                      <a16:creationId xmlns:a16="http://schemas.microsoft.com/office/drawing/2014/main" id="{EA0DC164-64FD-457C-B3AB-9B86E5C4A5A0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14">
                  <a:clrChange>
                    <a:clrFrom>
                      <a:srgbClr val="FFFFFF"/>
                    </a:clrFrom>
                    <a:clrTo>
                      <a:srgbClr val="FFFFFF">
                        <a:alpha val="0"/>
                      </a:srgbClr>
                    </a:clrTo>
                  </a:clrChange>
                  <a:extLst>
                    <a:ext uri="{BEBA8EAE-BF5A-486C-A8C5-ECC9F3942E4B}">
                      <a14:imgProps xmlns:a14="http://schemas.microsoft.com/office/drawing/2010/main">
                        <a14:imgLayer r:embed="rId15">
                          <a14:imgEffect>
                            <a14:sharpenSoften amount="25000"/>
                          </a14:imgEffect>
                        </a14:imgLayer>
                      </a14:imgProps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3310509" y="4258668"/>
                  <a:ext cx="166112" cy="267000"/>
                </a:xfrm>
                <a:prstGeom prst="rect">
                  <a:avLst/>
                </a:prstGeom>
                <a:grpFill/>
              </p:spPr>
            </p:pic>
          </p:grpSp>
          <p:grpSp>
            <p:nvGrpSpPr>
              <p:cNvPr id="34" name="组合 33">
                <a:extLst>
                  <a:ext uri="{FF2B5EF4-FFF2-40B4-BE49-F238E27FC236}">
                    <a16:creationId xmlns:a16="http://schemas.microsoft.com/office/drawing/2014/main" id="{010E1197-202C-4BC7-910A-D481C515E4F8}"/>
                  </a:ext>
                </a:extLst>
              </p:cNvPr>
              <p:cNvGrpSpPr/>
              <p:nvPr/>
            </p:nvGrpSpPr>
            <p:grpSpPr>
              <a:xfrm>
                <a:off x="6895317" y="4575575"/>
                <a:ext cx="241258" cy="916782"/>
                <a:chOff x="6895317" y="4575575"/>
                <a:chExt cx="241258" cy="916782"/>
              </a:xfrm>
              <a:grpFill/>
            </p:grpSpPr>
            <p:sp>
              <p:nvSpPr>
                <p:cNvPr id="332" name="矩形 49">
                  <a:extLst>
                    <a:ext uri="{FF2B5EF4-FFF2-40B4-BE49-F238E27FC236}">
                      <a16:creationId xmlns:a16="http://schemas.microsoft.com/office/drawing/2014/main" id="{795529E5-4E82-423F-B3C6-F6CA5E6E49E6}"/>
                    </a:ext>
                  </a:extLst>
                </p:cNvPr>
                <p:cNvSpPr/>
                <p:nvPr/>
              </p:nvSpPr>
              <p:spPr>
                <a:xfrm>
                  <a:off x="6895317" y="4575575"/>
                  <a:ext cx="241258" cy="916782"/>
                </a:xfrm>
                <a:custGeom>
                  <a:avLst/>
                  <a:gdLst>
                    <a:gd name="connsiteX0" fmla="*/ 0 w 648000"/>
                    <a:gd name="connsiteY0" fmla="*/ 0 h 648000"/>
                    <a:gd name="connsiteX1" fmla="*/ 648000 w 648000"/>
                    <a:gd name="connsiteY1" fmla="*/ 0 h 648000"/>
                    <a:gd name="connsiteX2" fmla="*/ 648000 w 648000"/>
                    <a:gd name="connsiteY2" fmla="*/ 648000 h 648000"/>
                    <a:gd name="connsiteX3" fmla="*/ 0 w 648000"/>
                    <a:gd name="connsiteY3" fmla="*/ 648000 h 648000"/>
                    <a:gd name="connsiteX4" fmla="*/ 0 w 648000"/>
                    <a:gd name="connsiteY4" fmla="*/ 0 h 648000"/>
                    <a:gd name="connsiteX0" fmla="*/ 0 w 648000"/>
                    <a:gd name="connsiteY0" fmla="*/ 262964 h 910964"/>
                    <a:gd name="connsiteX1" fmla="*/ 259529 w 648000"/>
                    <a:gd name="connsiteY1" fmla="*/ 0 h 910964"/>
                    <a:gd name="connsiteX2" fmla="*/ 648000 w 648000"/>
                    <a:gd name="connsiteY2" fmla="*/ 910964 h 910964"/>
                    <a:gd name="connsiteX3" fmla="*/ 0 w 648000"/>
                    <a:gd name="connsiteY3" fmla="*/ 910964 h 910964"/>
                    <a:gd name="connsiteX4" fmla="*/ 0 w 648000"/>
                    <a:gd name="connsiteY4" fmla="*/ 262964 h 910964"/>
                    <a:gd name="connsiteX0" fmla="*/ 0 w 337223"/>
                    <a:gd name="connsiteY0" fmla="*/ 262964 h 910964"/>
                    <a:gd name="connsiteX1" fmla="*/ 259529 w 337223"/>
                    <a:gd name="connsiteY1" fmla="*/ 0 h 910964"/>
                    <a:gd name="connsiteX2" fmla="*/ 337223 w 337223"/>
                    <a:gd name="connsiteY2" fmla="*/ 821317 h 910964"/>
                    <a:gd name="connsiteX3" fmla="*/ 0 w 337223"/>
                    <a:gd name="connsiteY3" fmla="*/ 910964 h 910964"/>
                    <a:gd name="connsiteX4" fmla="*/ 0 w 337223"/>
                    <a:gd name="connsiteY4" fmla="*/ 262964 h 910964"/>
                    <a:gd name="connsiteX0" fmla="*/ 0 w 259529"/>
                    <a:gd name="connsiteY0" fmla="*/ 262964 h 910964"/>
                    <a:gd name="connsiteX1" fmla="*/ 259529 w 259529"/>
                    <a:gd name="connsiteY1" fmla="*/ 0 h 910964"/>
                    <a:gd name="connsiteX2" fmla="*/ 199764 w 259529"/>
                    <a:gd name="connsiteY2" fmla="*/ 755576 h 910964"/>
                    <a:gd name="connsiteX3" fmla="*/ 0 w 259529"/>
                    <a:gd name="connsiteY3" fmla="*/ 910964 h 910964"/>
                    <a:gd name="connsiteX4" fmla="*/ 0 w 259529"/>
                    <a:gd name="connsiteY4" fmla="*/ 262964 h 910964"/>
                    <a:gd name="connsiteX0" fmla="*/ 0 w 259529"/>
                    <a:gd name="connsiteY0" fmla="*/ 262964 h 910964"/>
                    <a:gd name="connsiteX1" fmla="*/ 259529 w 259529"/>
                    <a:gd name="connsiteY1" fmla="*/ 0 h 910964"/>
                    <a:gd name="connsiteX2" fmla="*/ 253552 w 259529"/>
                    <a:gd name="connsiteY2" fmla="*/ 636047 h 910964"/>
                    <a:gd name="connsiteX3" fmla="*/ 0 w 259529"/>
                    <a:gd name="connsiteY3" fmla="*/ 910964 h 910964"/>
                    <a:gd name="connsiteX4" fmla="*/ 0 w 259529"/>
                    <a:gd name="connsiteY4" fmla="*/ 262964 h 910964"/>
                    <a:gd name="connsiteX0" fmla="*/ 0 w 259529"/>
                    <a:gd name="connsiteY0" fmla="*/ 268941 h 916941"/>
                    <a:gd name="connsiteX1" fmla="*/ 259529 w 259529"/>
                    <a:gd name="connsiteY1" fmla="*/ 0 h 916941"/>
                    <a:gd name="connsiteX2" fmla="*/ 253552 w 259529"/>
                    <a:gd name="connsiteY2" fmla="*/ 642024 h 916941"/>
                    <a:gd name="connsiteX3" fmla="*/ 0 w 259529"/>
                    <a:gd name="connsiteY3" fmla="*/ 916941 h 916941"/>
                    <a:gd name="connsiteX4" fmla="*/ 0 w 259529"/>
                    <a:gd name="connsiteY4" fmla="*/ 268941 h 916941"/>
                    <a:gd name="connsiteX0" fmla="*/ 0 w 271654"/>
                    <a:gd name="connsiteY0" fmla="*/ 268941 h 916941"/>
                    <a:gd name="connsiteX1" fmla="*/ 259529 w 271654"/>
                    <a:gd name="connsiteY1" fmla="*/ 0 h 916941"/>
                    <a:gd name="connsiteX2" fmla="*/ 271482 w 271654"/>
                    <a:gd name="connsiteY2" fmla="*/ 624095 h 916941"/>
                    <a:gd name="connsiteX3" fmla="*/ 0 w 271654"/>
                    <a:gd name="connsiteY3" fmla="*/ 916941 h 916941"/>
                    <a:gd name="connsiteX4" fmla="*/ 0 w 271654"/>
                    <a:gd name="connsiteY4" fmla="*/ 268941 h 916941"/>
                    <a:gd name="connsiteX0" fmla="*/ 0 w 271583"/>
                    <a:gd name="connsiteY0" fmla="*/ 268941 h 916941"/>
                    <a:gd name="connsiteX1" fmla="*/ 247577 w 271583"/>
                    <a:gd name="connsiteY1" fmla="*/ 0 h 916941"/>
                    <a:gd name="connsiteX2" fmla="*/ 271482 w 271583"/>
                    <a:gd name="connsiteY2" fmla="*/ 624095 h 916941"/>
                    <a:gd name="connsiteX3" fmla="*/ 0 w 271583"/>
                    <a:gd name="connsiteY3" fmla="*/ 916941 h 916941"/>
                    <a:gd name="connsiteX4" fmla="*/ 0 w 271583"/>
                    <a:gd name="connsiteY4" fmla="*/ 268941 h 916941"/>
                    <a:gd name="connsiteX0" fmla="*/ 0 w 277542"/>
                    <a:gd name="connsiteY0" fmla="*/ 268941 h 916941"/>
                    <a:gd name="connsiteX1" fmla="*/ 247577 w 277542"/>
                    <a:gd name="connsiteY1" fmla="*/ 0 h 916941"/>
                    <a:gd name="connsiteX2" fmla="*/ 277458 w 277542"/>
                    <a:gd name="connsiteY2" fmla="*/ 618119 h 916941"/>
                    <a:gd name="connsiteX3" fmla="*/ 0 w 277542"/>
                    <a:gd name="connsiteY3" fmla="*/ 916941 h 916941"/>
                    <a:gd name="connsiteX4" fmla="*/ 0 w 277542"/>
                    <a:gd name="connsiteY4" fmla="*/ 268941 h 916941"/>
                    <a:gd name="connsiteX0" fmla="*/ 0 w 277521"/>
                    <a:gd name="connsiteY0" fmla="*/ 262964 h 910964"/>
                    <a:gd name="connsiteX1" fmla="*/ 235624 w 277521"/>
                    <a:gd name="connsiteY1" fmla="*/ 0 h 910964"/>
                    <a:gd name="connsiteX2" fmla="*/ 277458 w 277521"/>
                    <a:gd name="connsiteY2" fmla="*/ 612142 h 910964"/>
                    <a:gd name="connsiteX3" fmla="*/ 0 w 277521"/>
                    <a:gd name="connsiteY3" fmla="*/ 910964 h 910964"/>
                    <a:gd name="connsiteX4" fmla="*/ 0 w 277521"/>
                    <a:gd name="connsiteY4" fmla="*/ 262964 h 910964"/>
                    <a:gd name="connsiteX0" fmla="*/ 0 w 277530"/>
                    <a:gd name="connsiteY0" fmla="*/ 268941 h 916941"/>
                    <a:gd name="connsiteX1" fmla="*/ 241601 w 277530"/>
                    <a:gd name="connsiteY1" fmla="*/ 0 h 916941"/>
                    <a:gd name="connsiteX2" fmla="*/ 277458 w 277530"/>
                    <a:gd name="connsiteY2" fmla="*/ 618119 h 916941"/>
                    <a:gd name="connsiteX3" fmla="*/ 0 w 277530"/>
                    <a:gd name="connsiteY3" fmla="*/ 916941 h 916941"/>
                    <a:gd name="connsiteX4" fmla="*/ 0 w 277530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24096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59656"/>
                    <a:gd name="connsiteY0" fmla="*/ 268941 h 916941"/>
                    <a:gd name="connsiteX1" fmla="*/ 241601 w 259656"/>
                    <a:gd name="connsiteY1" fmla="*/ 0 h 916941"/>
                    <a:gd name="connsiteX2" fmla="*/ 259528 w 259656"/>
                    <a:gd name="connsiteY2" fmla="*/ 624096 h 916941"/>
                    <a:gd name="connsiteX3" fmla="*/ 0 w 259656"/>
                    <a:gd name="connsiteY3" fmla="*/ 916941 h 916941"/>
                    <a:gd name="connsiteX4" fmla="*/ 0 w 259656"/>
                    <a:gd name="connsiteY4" fmla="*/ 268941 h 916941"/>
                    <a:gd name="connsiteX0" fmla="*/ 0 w 259656"/>
                    <a:gd name="connsiteY0" fmla="*/ 268941 h 916941"/>
                    <a:gd name="connsiteX1" fmla="*/ 241601 w 259656"/>
                    <a:gd name="connsiteY1" fmla="*/ 0 h 916941"/>
                    <a:gd name="connsiteX2" fmla="*/ 259528 w 259656"/>
                    <a:gd name="connsiteY2" fmla="*/ 636049 h 916941"/>
                    <a:gd name="connsiteX3" fmla="*/ 0 w 259656"/>
                    <a:gd name="connsiteY3" fmla="*/ 916941 h 916941"/>
                    <a:gd name="connsiteX4" fmla="*/ 0 w 259656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24096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65606"/>
                    <a:gd name="connsiteY0" fmla="*/ 268941 h 916941"/>
                    <a:gd name="connsiteX1" fmla="*/ 241601 w 265606"/>
                    <a:gd name="connsiteY1" fmla="*/ 0 h 916941"/>
                    <a:gd name="connsiteX2" fmla="*/ 265505 w 265606"/>
                    <a:gd name="connsiteY2" fmla="*/ 636049 h 916941"/>
                    <a:gd name="connsiteX3" fmla="*/ 0 w 265606"/>
                    <a:gd name="connsiteY3" fmla="*/ 916941 h 916941"/>
                    <a:gd name="connsiteX4" fmla="*/ 0 w 265606"/>
                    <a:gd name="connsiteY4" fmla="*/ 268941 h 916941"/>
                    <a:gd name="connsiteX0" fmla="*/ 0 w 265633"/>
                    <a:gd name="connsiteY0" fmla="*/ 268941 h 916941"/>
                    <a:gd name="connsiteX1" fmla="*/ 247577 w 265633"/>
                    <a:gd name="connsiteY1" fmla="*/ 0 h 916941"/>
                    <a:gd name="connsiteX2" fmla="*/ 265505 w 265633"/>
                    <a:gd name="connsiteY2" fmla="*/ 636049 h 916941"/>
                    <a:gd name="connsiteX3" fmla="*/ 0 w 265633"/>
                    <a:gd name="connsiteY3" fmla="*/ 916941 h 916941"/>
                    <a:gd name="connsiteX4" fmla="*/ 0 w 265633"/>
                    <a:gd name="connsiteY4" fmla="*/ 268941 h 916941"/>
                    <a:gd name="connsiteX0" fmla="*/ 0 w 265677"/>
                    <a:gd name="connsiteY0" fmla="*/ 268941 h 916941"/>
                    <a:gd name="connsiteX1" fmla="*/ 253554 w 265677"/>
                    <a:gd name="connsiteY1" fmla="*/ 0 h 916941"/>
                    <a:gd name="connsiteX2" fmla="*/ 265505 w 265677"/>
                    <a:gd name="connsiteY2" fmla="*/ 636049 h 916941"/>
                    <a:gd name="connsiteX3" fmla="*/ 0 w 265677"/>
                    <a:gd name="connsiteY3" fmla="*/ 916941 h 916941"/>
                    <a:gd name="connsiteX4" fmla="*/ 0 w 265677"/>
                    <a:gd name="connsiteY4" fmla="*/ 268941 h 916941"/>
                    <a:gd name="connsiteX0" fmla="*/ 0 w 265826"/>
                    <a:gd name="connsiteY0" fmla="*/ 264966 h 912966"/>
                    <a:gd name="connsiteX1" fmla="*/ 261505 w 265826"/>
                    <a:gd name="connsiteY1" fmla="*/ 0 h 912966"/>
                    <a:gd name="connsiteX2" fmla="*/ 265505 w 265826"/>
                    <a:gd name="connsiteY2" fmla="*/ 632074 h 912966"/>
                    <a:gd name="connsiteX3" fmla="*/ 0 w 265826"/>
                    <a:gd name="connsiteY3" fmla="*/ 912966 h 912966"/>
                    <a:gd name="connsiteX4" fmla="*/ 0 w 265826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32074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9456"/>
                    <a:gd name="connsiteY0" fmla="*/ 264966 h 912966"/>
                    <a:gd name="connsiteX1" fmla="*/ 269456 w 269456"/>
                    <a:gd name="connsiteY1" fmla="*/ 0 h 912966"/>
                    <a:gd name="connsiteX2" fmla="*/ 265505 w 269456"/>
                    <a:gd name="connsiteY2" fmla="*/ 632074 h 912966"/>
                    <a:gd name="connsiteX3" fmla="*/ 0 w 269456"/>
                    <a:gd name="connsiteY3" fmla="*/ 912966 h 912966"/>
                    <a:gd name="connsiteX4" fmla="*/ 0 w 269456"/>
                    <a:gd name="connsiteY4" fmla="*/ 264966 h 912966"/>
                    <a:gd name="connsiteX0" fmla="*/ 0 w 265826"/>
                    <a:gd name="connsiteY0" fmla="*/ 264966 h 912966"/>
                    <a:gd name="connsiteX1" fmla="*/ 261505 w 265826"/>
                    <a:gd name="connsiteY1" fmla="*/ 0 h 912966"/>
                    <a:gd name="connsiteX2" fmla="*/ 265505 w 265826"/>
                    <a:gd name="connsiteY2" fmla="*/ 632074 h 912966"/>
                    <a:gd name="connsiteX3" fmla="*/ 0 w 265826"/>
                    <a:gd name="connsiteY3" fmla="*/ 912966 h 912966"/>
                    <a:gd name="connsiteX4" fmla="*/ 0 w 265826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32074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40025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44001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6077"/>
                    <a:gd name="connsiteY0" fmla="*/ 264966 h 912966"/>
                    <a:gd name="connsiteX1" fmla="*/ 265481 w 266077"/>
                    <a:gd name="connsiteY1" fmla="*/ 0 h 912966"/>
                    <a:gd name="connsiteX2" fmla="*/ 265505 w 266077"/>
                    <a:gd name="connsiteY2" fmla="*/ 650959 h 912966"/>
                    <a:gd name="connsiteX3" fmla="*/ 0 w 266077"/>
                    <a:gd name="connsiteY3" fmla="*/ 912966 h 912966"/>
                    <a:gd name="connsiteX4" fmla="*/ 0 w 266077"/>
                    <a:gd name="connsiteY4" fmla="*/ 264966 h 912966"/>
                    <a:gd name="connsiteX0" fmla="*/ 0 w 268556"/>
                    <a:gd name="connsiteY0" fmla="*/ 264966 h 912966"/>
                    <a:gd name="connsiteX1" fmla="*/ 265481 w 268556"/>
                    <a:gd name="connsiteY1" fmla="*/ 0 h 912966"/>
                    <a:gd name="connsiteX2" fmla="*/ 268181 w 268556"/>
                    <a:gd name="connsiteY2" fmla="*/ 644002 h 912966"/>
                    <a:gd name="connsiteX3" fmla="*/ 0 w 268556"/>
                    <a:gd name="connsiteY3" fmla="*/ 912966 h 912966"/>
                    <a:gd name="connsiteX4" fmla="*/ 0 w 268556"/>
                    <a:gd name="connsiteY4" fmla="*/ 264966 h 912966"/>
                    <a:gd name="connsiteX0" fmla="*/ 0 w 269494"/>
                    <a:gd name="connsiteY0" fmla="*/ 267285 h 915285"/>
                    <a:gd name="connsiteX1" fmla="*/ 269494 w 269494"/>
                    <a:gd name="connsiteY1" fmla="*/ 0 h 915285"/>
                    <a:gd name="connsiteX2" fmla="*/ 268181 w 269494"/>
                    <a:gd name="connsiteY2" fmla="*/ 646321 h 915285"/>
                    <a:gd name="connsiteX3" fmla="*/ 0 w 269494"/>
                    <a:gd name="connsiteY3" fmla="*/ 915285 h 915285"/>
                    <a:gd name="connsiteX4" fmla="*/ 0 w 269494"/>
                    <a:gd name="connsiteY4" fmla="*/ 267285 h 915285"/>
                    <a:gd name="connsiteX0" fmla="*/ 0 w 269494"/>
                    <a:gd name="connsiteY0" fmla="*/ 264966 h 912966"/>
                    <a:gd name="connsiteX1" fmla="*/ 269494 w 269494"/>
                    <a:gd name="connsiteY1" fmla="*/ 0 h 912966"/>
                    <a:gd name="connsiteX2" fmla="*/ 268181 w 269494"/>
                    <a:gd name="connsiteY2" fmla="*/ 644002 h 912966"/>
                    <a:gd name="connsiteX3" fmla="*/ 0 w 269494"/>
                    <a:gd name="connsiteY3" fmla="*/ 912966 h 912966"/>
                    <a:gd name="connsiteX4" fmla="*/ 0 w 269494"/>
                    <a:gd name="connsiteY4" fmla="*/ 264966 h 912966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753"/>
                    <a:gd name="connsiteY0" fmla="*/ 269605 h 917605"/>
                    <a:gd name="connsiteX1" fmla="*/ 268156 w 268753"/>
                    <a:gd name="connsiteY1" fmla="*/ 0 h 917605"/>
                    <a:gd name="connsiteX2" fmla="*/ 268181 w 268753"/>
                    <a:gd name="connsiteY2" fmla="*/ 648641 h 917605"/>
                    <a:gd name="connsiteX3" fmla="*/ 0 w 268753"/>
                    <a:gd name="connsiteY3" fmla="*/ 917605 h 917605"/>
                    <a:gd name="connsiteX4" fmla="*/ 0 w 268753"/>
                    <a:gd name="connsiteY4" fmla="*/ 269605 h 917605"/>
                    <a:gd name="connsiteX0" fmla="*/ 0 w 268955"/>
                    <a:gd name="connsiteY0" fmla="*/ 269605 h 917605"/>
                    <a:gd name="connsiteX1" fmla="*/ 268955 w 268955"/>
                    <a:gd name="connsiteY1" fmla="*/ 0 h 917605"/>
                    <a:gd name="connsiteX2" fmla="*/ 268181 w 268955"/>
                    <a:gd name="connsiteY2" fmla="*/ 648641 h 917605"/>
                    <a:gd name="connsiteX3" fmla="*/ 0 w 268955"/>
                    <a:gd name="connsiteY3" fmla="*/ 917605 h 917605"/>
                    <a:gd name="connsiteX4" fmla="*/ 0 w 268955"/>
                    <a:gd name="connsiteY4" fmla="*/ 269605 h 917605"/>
                    <a:gd name="connsiteX0" fmla="*/ 0 w 268424"/>
                    <a:gd name="connsiteY0" fmla="*/ 271995 h 919995"/>
                    <a:gd name="connsiteX1" fmla="*/ 261220 w 268424"/>
                    <a:gd name="connsiteY1" fmla="*/ 0 h 919995"/>
                    <a:gd name="connsiteX2" fmla="*/ 268181 w 268424"/>
                    <a:gd name="connsiteY2" fmla="*/ 651031 h 919995"/>
                    <a:gd name="connsiteX3" fmla="*/ 0 w 268424"/>
                    <a:gd name="connsiteY3" fmla="*/ 919995 h 919995"/>
                    <a:gd name="connsiteX4" fmla="*/ 0 w 268424"/>
                    <a:gd name="connsiteY4" fmla="*/ 271995 h 919995"/>
                    <a:gd name="connsiteX0" fmla="*/ 0 w 268424"/>
                    <a:gd name="connsiteY0" fmla="*/ 271995 h 919995"/>
                    <a:gd name="connsiteX1" fmla="*/ 261220 w 268424"/>
                    <a:gd name="connsiteY1" fmla="*/ 0 h 919995"/>
                    <a:gd name="connsiteX2" fmla="*/ 268181 w 268424"/>
                    <a:gd name="connsiteY2" fmla="*/ 651031 h 919995"/>
                    <a:gd name="connsiteX3" fmla="*/ 0 w 268424"/>
                    <a:gd name="connsiteY3" fmla="*/ 919995 h 919995"/>
                    <a:gd name="connsiteX4" fmla="*/ 0 w 268424"/>
                    <a:gd name="connsiteY4" fmla="*/ 271995 h 919995"/>
                    <a:gd name="connsiteX0" fmla="*/ 0 w 273507"/>
                    <a:gd name="connsiteY0" fmla="*/ 271995 h 919995"/>
                    <a:gd name="connsiteX1" fmla="*/ 261220 w 273507"/>
                    <a:gd name="connsiteY1" fmla="*/ 0 h 919995"/>
                    <a:gd name="connsiteX2" fmla="*/ 273337 w 273507"/>
                    <a:gd name="connsiteY2" fmla="*/ 643862 h 919995"/>
                    <a:gd name="connsiteX3" fmla="*/ 0 w 273507"/>
                    <a:gd name="connsiteY3" fmla="*/ 919995 h 919995"/>
                    <a:gd name="connsiteX4" fmla="*/ 0 w 273507"/>
                    <a:gd name="connsiteY4" fmla="*/ 271995 h 919995"/>
                    <a:gd name="connsiteX0" fmla="*/ 0 w 265910"/>
                    <a:gd name="connsiteY0" fmla="*/ 271995 h 919995"/>
                    <a:gd name="connsiteX1" fmla="*/ 261220 w 265910"/>
                    <a:gd name="connsiteY1" fmla="*/ 0 h 919995"/>
                    <a:gd name="connsiteX2" fmla="*/ 265602 w 265910"/>
                    <a:gd name="connsiteY2" fmla="*/ 639083 h 919995"/>
                    <a:gd name="connsiteX3" fmla="*/ 0 w 265910"/>
                    <a:gd name="connsiteY3" fmla="*/ 919995 h 919995"/>
                    <a:gd name="connsiteX4" fmla="*/ 0 w 265910"/>
                    <a:gd name="connsiteY4" fmla="*/ 271995 h 919995"/>
                    <a:gd name="connsiteX0" fmla="*/ 0 w 273509"/>
                    <a:gd name="connsiteY0" fmla="*/ 271995 h 919995"/>
                    <a:gd name="connsiteX1" fmla="*/ 261220 w 273509"/>
                    <a:gd name="connsiteY1" fmla="*/ 0 h 919995"/>
                    <a:gd name="connsiteX2" fmla="*/ 273338 w 273509"/>
                    <a:gd name="connsiteY2" fmla="*/ 636694 h 919995"/>
                    <a:gd name="connsiteX3" fmla="*/ 0 w 273509"/>
                    <a:gd name="connsiteY3" fmla="*/ 919995 h 919995"/>
                    <a:gd name="connsiteX4" fmla="*/ 0 w 273509"/>
                    <a:gd name="connsiteY4" fmla="*/ 271995 h 919995"/>
                    <a:gd name="connsiteX0" fmla="*/ 0 w 261220"/>
                    <a:gd name="connsiteY0" fmla="*/ 271995 h 919995"/>
                    <a:gd name="connsiteX1" fmla="*/ 261220 w 261220"/>
                    <a:gd name="connsiteY1" fmla="*/ 0 h 919995"/>
                    <a:gd name="connsiteX2" fmla="*/ 260447 w 261220"/>
                    <a:gd name="connsiteY2" fmla="*/ 643863 h 919995"/>
                    <a:gd name="connsiteX3" fmla="*/ 0 w 261220"/>
                    <a:gd name="connsiteY3" fmla="*/ 919995 h 919995"/>
                    <a:gd name="connsiteX4" fmla="*/ 0 w 261220"/>
                    <a:gd name="connsiteY4" fmla="*/ 271995 h 919995"/>
                    <a:gd name="connsiteX0" fmla="*/ 0 w 261220"/>
                    <a:gd name="connsiteY0" fmla="*/ 271995 h 919995"/>
                    <a:gd name="connsiteX1" fmla="*/ 261220 w 261220"/>
                    <a:gd name="connsiteY1" fmla="*/ 0 h 919995"/>
                    <a:gd name="connsiteX2" fmla="*/ 260447 w 261220"/>
                    <a:gd name="connsiteY2" fmla="*/ 646252 h 919995"/>
                    <a:gd name="connsiteX3" fmla="*/ 0 w 261220"/>
                    <a:gd name="connsiteY3" fmla="*/ 919995 h 919995"/>
                    <a:gd name="connsiteX4" fmla="*/ 0 w 261220"/>
                    <a:gd name="connsiteY4" fmla="*/ 271995 h 91999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</a:cxnLst>
                  <a:rect l="l" t="t" r="r" b="b"/>
                  <a:pathLst>
                    <a:path w="261220" h="919995">
                      <a:moveTo>
                        <a:pt x="0" y="271995"/>
                      </a:moveTo>
                      <a:cubicBezTo>
                        <a:pt x="89652" y="182127"/>
                        <a:pt x="171568" y="89868"/>
                        <a:pt x="261220" y="0"/>
                      </a:cubicBezTo>
                      <a:cubicBezTo>
                        <a:pt x="259228" y="212016"/>
                        <a:pt x="262439" y="434236"/>
                        <a:pt x="260447" y="646252"/>
                      </a:cubicBezTo>
                      <a:lnTo>
                        <a:pt x="0" y="919995"/>
                      </a:lnTo>
                      <a:lnTo>
                        <a:pt x="0" y="271995"/>
                      </a:lnTo>
                      <a:close/>
                    </a:path>
                  </a:pathLst>
                </a:custGeom>
                <a:grpFill/>
                <a:ln w="952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pic>
              <p:nvPicPr>
                <p:cNvPr id="334" name="图片 333">
                  <a:extLst>
                    <a:ext uri="{FF2B5EF4-FFF2-40B4-BE49-F238E27FC236}">
                      <a16:creationId xmlns:a16="http://schemas.microsoft.com/office/drawing/2014/main" id="{7D79A4E6-AC0F-411A-A103-D51FDB821EB7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4">
                  <a:clrChange>
                    <a:clrFrom>
                      <a:srgbClr val="FFFFFF"/>
                    </a:clrFrom>
                    <a:clrTo>
                      <a:srgbClr val="FFFFFF">
                        <a:alpha val="0"/>
                      </a:srgbClr>
                    </a:clrTo>
                  </a:clrChange>
                  <a:extLst>
                    <a:ext uri="{BEBA8EAE-BF5A-486C-A8C5-ECC9F3942E4B}">
                      <a14:imgProps xmlns:a14="http://schemas.microsoft.com/office/drawing/2010/main">
                        <a14:imgLayer r:embed="rId5">
                          <a14:imgEffect>
                            <a14:sharpenSoften amount="25000"/>
                          </a14:imgEffect>
                        </a14:imgLayer>
                      </a14:imgProps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6901766" y="4908508"/>
                  <a:ext cx="215317" cy="280277"/>
                </a:xfrm>
                <a:prstGeom prst="rect">
                  <a:avLst/>
                </a:prstGeom>
                <a:grpFill/>
              </p:spPr>
            </p:pic>
          </p:grpSp>
          <p:grpSp>
            <p:nvGrpSpPr>
              <p:cNvPr id="314" name="组合 313">
                <a:extLst>
                  <a:ext uri="{FF2B5EF4-FFF2-40B4-BE49-F238E27FC236}">
                    <a16:creationId xmlns:a16="http://schemas.microsoft.com/office/drawing/2014/main" id="{BF45C22F-1EBA-40CE-92D3-DE9FD75C59A9}"/>
                  </a:ext>
                </a:extLst>
              </p:cNvPr>
              <p:cNvGrpSpPr/>
              <p:nvPr/>
            </p:nvGrpSpPr>
            <p:grpSpPr>
              <a:xfrm>
                <a:off x="6896868" y="4580016"/>
                <a:ext cx="886125" cy="267000"/>
                <a:chOff x="2621382" y="3940311"/>
                <a:chExt cx="886125" cy="267000"/>
              </a:xfrm>
              <a:grpFill/>
            </p:grpSpPr>
            <p:sp>
              <p:nvSpPr>
                <p:cNvPr id="327" name="矩形 47">
                  <a:extLst>
                    <a:ext uri="{FF2B5EF4-FFF2-40B4-BE49-F238E27FC236}">
                      <a16:creationId xmlns:a16="http://schemas.microsoft.com/office/drawing/2014/main" id="{60C4223A-C4F5-4353-B9C7-A4A48151B563}"/>
                    </a:ext>
                  </a:extLst>
                </p:cNvPr>
                <p:cNvSpPr/>
                <p:nvPr/>
              </p:nvSpPr>
              <p:spPr>
                <a:xfrm>
                  <a:off x="2621382" y="3940311"/>
                  <a:ext cx="886125" cy="267000"/>
                </a:xfrm>
                <a:custGeom>
                  <a:avLst/>
                  <a:gdLst>
                    <a:gd name="connsiteX0" fmla="*/ 0 w 648000"/>
                    <a:gd name="connsiteY0" fmla="*/ 0 h 648000"/>
                    <a:gd name="connsiteX1" fmla="*/ 648000 w 648000"/>
                    <a:gd name="connsiteY1" fmla="*/ 0 h 648000"/>
                    <a:gd name="connsiteX2" fmla="*/ 648000 w 648000"/>
                    <a:gd name="connsiteY2" fmla="*/ 648000 h 648000"/>
                    <a:gd name="connsiteX3" fmla="*/ 0 w 648000"/>
                    <a:gd name="connsiteY3" fmla="*/ 648000 h 648000"/>
                    <a:gd name="connsiteX4" fmla="*/ 0 w 648000"/>
                    <a:gd name="connsiteY4" fmla="*/ 0 h 648000"/>
                    <a:gd name="connsiteX0" fmla="*/ 0 w 902000"/>
                    <a:gd name="connsiteY0" fmla="*/ 0 h 648000"/>
                    <a:gd name="connsiteX1" fmla="*/ 902000 w 902000"/>
                    <a:gd name="connsiteY1" fmla="*/ 361950 h 648000"/>
                    <a:gd name="connsiteX2" fmla="*/ 648000 w 902000"/>
                    <a:gd name="connsiteY2" fmla="*/ 648000 h 648000"/>
                    <a:gd name="connsiteX3" fmla="*/ 0 w 902000"/>
                    <a:gd name="connsiteY3" fmla="*/ 648000 h 648000"/>
                    <a:gd name="connsiteX4" fmla="*/ 0 w 902000"/>
                    <a:gd name="connsiteY4" fmla="*/ 0 h 648000"/>
                    <a:gd name="connsiteX0" fmla="*/ 234950 w 902000"/>
                    <a:gd name="connsiteY0" fmla="*/ 19050 h 286050"/>
                    <a:gd name="connsiteX1" fmla="*/ 902000 w 902000"/>
                    <a:gd name="connsiteY1" fmla="*/ 0 h 286050"/>
                    <a:gd name="connsiteX2" fmla="*/ 648000 w 902000"/>
                    <a:gd name="connsiteY2" fmla="*/ 286050 h 286050"/>
                    <a:gd name="connsiteX3" fmla="*/ 0 w 902000"/>
                    <a:gd name="connsiteY3" fmla="*/ 286050 h 286050"/>
                    <a:gd name="connsiteX4" fmla="*/ 234950 w 902000"/>
                    <a:gd name="connsiteY4" fmla="*/ 19050 h 286050"/>
                    <a:gd name="connsiteX0" fmla="*/ 234950 w 902000"/>
                    <a:gd name="connsiteY0" fmla="*/ 12700 h 279700"/>
                    <a:gd name="connsiteX1" fmla="*/ 902000 w 902000"/>
                    <a:gd name="connsiteY1" fmla="*/ 0 h 279700"/>
                    <a:gd name="connsiteX2" fmla="*/ 648000 w 902000"/>
                    <a:gd name="connsiteY2" fmla="*/ 279700 h 279700"/>
                    <a:gd name="connsiteX3" fmla="*/ 0 w 902000"/>
                    <a:gd name="connsiteY3" fmla="*/ 279700 h 279700"/>
                    <a:gd name="connsiteX4" fmla="*/ 234950 w 902000"/>
                    <a:gd name="connsiteY4" fmla="*/ 12700 h 279700"/>
                    <a:gd name="connsiteX0" fmla="*/ 234950 w 895650"/>
                    <a:gd name="connsiteY0" fmla="*/ 0 h 267000"/>
                    <a:gd name="connsiteX1" fmla="*/ 895650 w 895650"/>
                    <a:gd name="connsiteY1" fmla="*/ 0 h 267000"/>
                    <a:gd name="connsiteX2" fmla="*/ 648000 w 895650"/>
                    <a:gd name="connsiteY2" fmla="*/ 267000 h 267000"/>
                    <a:gd name="connsiteX3" fmla="*/ 0 w 895650"/>
                    <a:gd name="connsiteY3" fmla="*/ 267000 h 267000"/>
                    <a:gd name="connsiteX4" fmla="*/ 234950 w 895650"/>
                    <a:gd name="connsiteY4" fmla="*/ 0 h 267000"/>
                    <a:gd name="connsiteX0" fmla="*/ 234950 w 886125"/>
                    <a:gd name="connsiteY0" fmla="*/ 0 h 267000"/>
                    <a:gd name="connsiteX1" fmla="*/ 886125 w 886125"/>
                    <a:gd name="connsiteY1" fmla="*/ 0 h 267000"/>
                    <a:gd name="connsiteX2" fmla="*/ 648000 w 886125"/>
                    <a:gd name="connsiteY2" fmla="*/ 267000 h 267000"/>
                    <a:gd name="connsiteX3" fmla="*/ 0 w 886125"/>
                    <a:gd name="connsiteY3" fmla="*/ 267000 h 267000"/>
                    <a:gd name="connsiteX4" fmla="*/ 234950 w 886125"/>
                    <a:gd name="connsiteY4" fmla="*/ 0 h 26700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</a:cxnLst>
                  <a:rect l="l" t="t" r="r" b="b"/>
                  <a:pathLst>
                    <a:path w="886125" h="267000">
                      <a:moveTo>
                        <a:pt x="234950" y="0"/>
                      </a:moveTo>
                      <a:lnTo>
                        <a:pt x="886125" y="0"/>
                      </a:lnTo>
                      <a:lnTo>
                        <a:pt x="648000" y="267000"/>
                      </a:lnTo>
                      <a:lnTo>
                        <a:pt x="0" y="267000"/>
                      </a:lnTo>
                      <a:lnTo>
                        <a:pt x="234950" y="0"/>
                      </a:lnTo>
                      <a:close/>
                    </a:path>
                  </a:pathLst>
                </a:custGeom>
                <a:grpFill/>
                <a:ln w="952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pic>
              <p:nvPicPr>
                <p:cNvPr id="328" name="图片 327">
                  <a:extLst>
                    <a:ext uri="{FF2B5EF4-FFF2-40B4-BE49-F238E27FC236}">
                      <a16:creationId xmlns:a16="http://schemas.microsoft.com/office/drawing/2014/main" id="{3794B731-A69E-41D9-B51F-7AEEDBBFD7FF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10">
                  <a:clrChange>
                    <a:clrFrom>
                      <a:srgbClr val="FFFFFF"/>
                    </a:clrFrom>
                    <a:clrTo>
                      <a:srgbClr val="FFFFFF">
                        <a:alpha val="0"/>
                      </a:srgbClr>
                    </a:clrTo>
                  </a:clrChange>
                  <a:extLst>
                    <a:ext uri="{BEBA8EAE-BF5A-486C-A8C5-ECC9F3942E4B}">
                      <a14:imgProps xmlns:a14="http://schemas.microsoft.com/office/drawing/2010/main">
                        <a14:imgLayer r:embed="rId11">
                          <a14:imgEffect>
                            <a14:sharpenSoften amount="25000"/>
                          </a14:imgEffect>
                        </a14:imgLayer>
                      </a14:imgProps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2937177" y="3956796"/>
                  <a:ext cx="248066" cy="221709"/>
                </a:xfrm>
                <a:prstGeom prst="rect">
                  <a:avLst/>
                </a:prstGeom>
                <a:grpFill/>
              </p:spPr>
            </p:pic>
          </p:grpSp>
        </p:grpSp>
        <p:grpSp>
          <p:nvGrpSpPr>
            <p:cNvPr id="318" name="组合 317">
              <a:extLst>
                <a:ext uri="{FF2B5EF4-FFF2-40B4-BE49-F238E27FC236}">
                  <a16:creationId xmlns:a16="http://schemas.microsoft.com/office/drawing/2014/main" id="{2AACE6BB-2763-43D0-B0DA-D4A1DBD0FB6C}"/>
                </a:ext>
              </a:extLst>
            </p:cNvPr>
            <p:cNvGrpSpPr/>
            <p:nvPr/>
          </p:nvGrpSpPr>
          <p:grpSpPr>
            <a:xfrm>
              <a:off x="6898074" y="4844051"/>
              <a:ext cx="648000" cy="648000"/>
              <a:chOff x="4800844" y="1684242"/>
              <a:chExt cx="648000" cy="648000"/>
            </a:xfrm>
            <a:grpFill/>
          </p:grpSpPr>
          <p:sp>
            <p:nvSpPr>
              <p:cNvPr id="319" name="矩形 318">
                <a:extLst>
                  <a:ext uri="{FF2B5EF4-FFF2-40B4-BE49-F238E27FC236}">
                    <a16:creationId xmlns:a16="http://schemas.microsoft.com/office/drawing/2014/main" id="{1DBB341D-A0E6-4DEE-B8F0-9FA9613CB66D}"/>
                  </a:ext>
                </a:extLst>
              </p:cNvPr>
              <p:cNvSpPr/>
              <p:nvPr/>
            </p:nvSpPr>
            <p:spPr>
              <a:xfrm>
                <a:off x="4800844" y="1684242"/>
                <a:ext cx="648000" cy="648000"/>
              </a:xfrm>
              <a:prstGeom prst="rect">
                <a:avLst/>
              </a:prstGeom>
              <a:grpFill/>
              <a:ln w="9525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pic>
            <p:nvPicPr>
              <p:cNvPr id="320" name="图片 319">
                <a:extLst>
                  <a:ext uri="{FF2B5EF4-FFF2-40B4-BE49-F238E27FC236}">
                    <a16:creationId xmlns:a16="http://schemas.microsoft.com/office/drawing/2014/main" id="{3AE84071-7AC8-4EA2-AD65-5C147E284BD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4959944" y="1858979"/>
                <a:ext cx="298526" cy="298526"/>
              </a:xfrm>
              <a:prstGeom prst="rect">
                <a:avLst/>
              </a:prstGeom>
              <a:grpFill/>
            </p:spPr>
          </p:pic>
        </p:grpSp>
      </p:grpSp>
      <p:grpSp>
        <p:nvGrpSpPr>
          <p:cNvPr id="46" name="组合 45">
            <a:extLst>
              <a:ext uri="{FF2B5EF4-FFF2-40B4-BE49-F238E27FC236}">
                <a16:creationId xmlns:a16="http://schemas.microsoft.com/office/drawing/2014/main" id="{1DD6ECDB-3B27-419F-A9FE-17151CD9B872}"/>
              </a:ext>
            </a:extLst>
          </p:cNvPr>
          <p:cNvGrpSpPr/>
          <p:nvPr/>
        </p:nvGrpSpPr>
        <p:grpSpPr>
          <a:xfrm>
            <a:off x="1579722" y="1058848"/>
            <a:ext cx="1524576" cy="1742094"/>
            <a:chOff x="5541742" y="1806626"/>
            <a:chExt cx="1524576" cy="1742094"/>
          </a:xfrm>
          <a:solidFill>
            <a:srgbClr val="FFFFFF"/>
          </a:solidFill>
        </p:grpSpPr>
        <p:grpSp>
          <p:nvGrpSpPr>
            <p:cNvPr id="44" name="组合 43">
              <a:extLst>
                <a:ext uri="{FF2B5EF4-FFF2-40B4-BE49-F238E27FC236}">
                  <a16:creationId xmlns:a16="http://schemas.microsoft.com/office/drawing/2014/main" id="{7D406DF6-B1D3-4553-84B5-ACAA2AD91627}"/>
                </a:ext>
              </a:extLst>
            </p:cNvPr>
            <p:cNvGrpSpPr/>
            <p:nvPr/>
          </p:nvGrpSpPr>
          <p:grpSpPr>
            <a:xfrm>
              <a:off x="6049873" y="3103904"/>
              <a:ext cx="384394" cy="444816"/>
              <a:chOff x="6609431" y="2877692"/>
              <a:chExt cx="384394" cy="444816"/>
            </a:xfrm>
            <a:grpFill/>
          </p:grpSpPr>
          <p:cxnSp>
            <p:nvCxnSpPr>
              <p:cNvPr id="335" name="直接箭头连接符 334">
                <a:extLst>
                  <a:ext uri="{FF2B5EF4-FFF2-40B4-BE49-F238E27FC236}">
                    <a16:creationId xmlns:a16="http://schemas.microsoft.com/office/drawing/2014/main" id="{55F4A823-622E-4BC3-8D8D-1E8D8D8DFAF4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796828" y="2877692"/>
                <a:ext cx="196997" cy="171525"/>
              </a:xfrm>
              <a:prstGeom prst="straightConnector1">
                <a:avLst/>
              </a:prstGeom>
              <a:grpFill/>
              <a:ln w="19050">
                <a:solidFill>
                  <a:srgbClr val="FF00FF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pic>
            <p:nvPicPr>
              <p:cNvPr id="337" name="图片 336">
                <a:extLst>
                  <a:ext uri="{FF2B5EF4-FFF2-40B4-BE49-F238E27FC236}">
                    <a16:creationId xmlns:a16="http://schemas.microsoft.com/office/drawing/2014/main" id="{FB9EDCED-4AE1-47E2-B90B-DC45D027447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13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6609431" y="3072749"/>
                <a:ext cx="301176" cy="249759"/>
              </a:xfrm>
              <a:prstGeom prst="rect">
                <a:avLst/>
              </a:prstGeom>
              <a:grpFill/>
            </p:spPr>
          </p:pic>
        </p:grpSp>
        <p:grpSp>
          <p:nvGrpSpPr>
            <p:cNvPr id="43" name="组合 42">
              <a:extLst>
                <a:ext uri="{FF2B5EF4-FFF2-40B4-BE49-F238E27FC236}">
                  <a16:creationId xmlns:a16="http://schemas.microsoft.com/office/drawing/2014/main" id="{E5E3E926-1FA7-4F52-A7DC-9AEDC1029F65}"/>
                </a:ext>
              </a:extLst>
            </p:cNvPr>
            <p:cNvGrpSpPr/>
            <p:nvPr/>
          </p:nvGrpSpPr>
          <p:grpSpPr>
            <a:xfrm>
              <a:off x="5541742" y="2490522"/>
              <a:ext cx="541527" cy="262758"/>
              <a:chOff x="6101300" y="2264310"/>
              <a:chExt cx="541527" cy="262758"/>
            </a:xfrm>
            <a:grpFill/>
          </p:grpSpPr>
          <p:cxnSp>
            <p:nvCxnSpPr>
              <p:cNvPr id="38" name="直接箭头连接符 37">
                <a:extLst>
                  <a:ext uri="{FF2B5EF4-FFF2-40B4-BE49-F238E27FC236}">
                    <a16:creationId xmlns:a16="http://schemas.microsoft.com/office/drawing/2014/main" id="{2E97D3EF-2030-4EB8-A8A7-CB7BAF6B4B08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355581" y="2386929"/>
                <a:ext cx="287246" cy="140139"/>
              </a:xfrm>
              <a:prstGeom prst="straightConnector1">
                <a:avLst/>
              </a:prstGeom>
              <a:grpFill/>
              <a:ln w="19050">
                <a:solidFill>
                  <a:srgbClr val="FF00FF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pic>
            <p:nvPicPr>
              <p:cNvPr id="338" name="图片 337">
                <a:extLst>
                  <a:ext uri="{FF2B5EF4-FFF2-40B4-BE49-F238E27FC236}">
                    <a16:creationId xmlns:a16="http://schemas.microsoft.com/office/drawing/2014/main" id="{E8316246-FB60-421A-9685-4EE51850E44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6101300" y="2264310"/>
                <a:ext cx="230808" cy="239474"/>
              </a:xfrm>
              <a:prstGeom prst="rect">
                <a:avLst/>
              </a:prstGeom>
              <a:grpFill/>
            </p:spPr>
          </p:pic>
        </p:grpSp>
        <p:grpSp>
          <p:nvGrpSpPr>
            <p:cNvPr id="42" name="组合 41">
              <a:extLst>
                <a:ext uri="{FF2B5EF4-FFF2-40B4-BE49-F238E27FC236}">
                  <a16:creationId xmlns:a16="http://schemas.microsoft.com/office/drawing/2014/main" id="{6221BD61-C857-49BE-B9C2-8C2E039AB815}"/>
                </a:ext>
              </a:extLst>
            </p:cNvPr>
            <p:cNvGrpSpPr/>
            <p:nvPr/>
          </p:nvGrpSpPr>
          <p:grpSpPr>
            <a:xfrm>
              <a:off x="6654031" y="1806626"/>
              <a:ext cx="412287" cy="343365"/>
              <a:chOff x="7213589" y="1580414"/>
              <a:chExt cx="412287" cy="343365"/>
            </a:xfrm>
            <a:grpFill/>
          </p:grpSpPr>
          <p:cxnSp>
            <p:nvCxnSpPr>
              <p:cNvPr id="336" name="直接箭头连接符 335">
                <a:extLst>
                  <a:ext uri="{FF2B5EF4-FFF2-40B4-BE49-F238E27FC236}">
                    <a16:creationId xmlns:a16="http://schemas.microsoft.com/office/drawing/2014/main" id="{10104C6C-FF5E-4277-8AB7-0C6FC0371C69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7213589" y="1735854"/>
                <a:ext cx="226181" cy="187925"/>
              </a:xfrm>
              <a:prstGeom prst="straightConnector1">
                <a:avLst/>
              </a:prstGeom>
              <a:grpFill/>
              <a:ln w="19050">
                <a:solidFill>
                  <a:srgbClr val="FF00FF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pic>
            <p:nvPicPr>
              <p:cNvPr id="339" name="图片 338">
                <a:extLst>
                  <a:ext uri="{FF2B5EF4-FFF2-40B4-BE49-F238E27FC236}">
                    <a16:creationId xmlns:a16="http://schemas.microsoft.com/office/drawing/2014/main" id="{375F804A-F3B5-437F-AED9-3A7023290C36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sharpenSoften amount="25000"/>
                        </a14:imgEffect>
                      </a14:imgLayer>
                    </a14:imgProps>
                  </a:ext>
                </a:extLst>
              </a:blip>
              <a:stretch>
                <a:fillRect/>
              </a:stretch>
            </p:blipFill>
            <p:spPr>
              <a:xfrm>
                <a:off x="7425625" y="1580414"/>
                <a:ext cx="200251" cy="268299"/>
              </a:xfrm>
              <a:prstGeom prst="rect">
                <a:avLst/>
              </a:prstGeom>
              <a:grpFill/>
            </p:spPr>
          </p:pic>
        </p:grpSp>
      </p:grpSp>
      <p:sp>
        <p:nvSpPr>
          <p:cNvPr id="47" name="椭圆 46">
            <a:extLst>
              <a:ext uri="{FF2B5EF4-FFF2-40B4-BE49-F238E27FC236}">
                <a16:creationId xmlns:a16="http://schemas.microsoft.com/office/drawing/2014/main" id="{AD8E74F7-D1D0-4EE6-A53D-104A303759A2}"/>
              </a:ext>
            </a:extLst>
          </p:cNvPr>
          <p:cNvSpPr/>
          <p:nvPr/>
        </p:nvSpPr>
        <p:spPr>
          <a:xfrm>
            <a:off x="2065314" y="2509024"/>
            <a:ext cx="336825" cy="328158"/>
          </a:xfrm>
          <a:prstGeom prst="ellipse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49" name="直接箭头连接符 48">
            <a:extLst>
              <a:ext uri="{FF2B5EF4-FFF2-40B4-BE49-F238E27FC236}">
                <a16:creationId xmlns:a16="http://schemas.microsoft.com/office/drawing/2014/main" id="{A2CF4058-4C75-4D0B-BC0F-D20799A55BC1}"/>
              </a:ext>
            </a:extLst>
          </p:cNvPr>
          <p:cNvCxnSpPr>
            <a:cxnSpLocks/>
          </p:cNvCxnSpPr>
          <p:nvPr/>
        </p:nvCxnSpPr>
        <p:spPr>
          <a:xfrm flipH="1">
            <a:off x="1600737" y="2744556"/>
            <a:ext cx="470610" cy="280965"/>
          </a:xfrm>
          <a:prstGeom prst="straightConnector1">
            <a:avLst/>
          </a:prstGeom>
          <a:ln w="28575">
            <a:solidFill>
              <a:srgbClr val="00B05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76" name="Text Box 9">
            <a:extLst>
              <a:ext uri="{FF2B5EF4-FFF2-40B4-BE49-F238E27FC236}">
                <a16:creationId xmlns:a16="http://schemas.microsoft.com/office/drawing/2014/main" id="{42A15524-68E0-467C-9F70-F50DB9993D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63055" y="2922099"/>
            <a:ext cx="948434" cy="5203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底部</a:t>
            </a:r>
          </a:p>
        </p:txBody>
      </p:sp>
      <p:sp>
        <p:nvSpPr>
          <p:cNvPr id="382" name="椭圆 381">
            <a:extLst>
              <a:ext uri="{FF2B5EF4-FFF2-40B4-BE49-F238E27FC236}">
                <a16:creationId xmlns:a16="http://schemas.microsoft.com/office/drawing/2014/main" id="{1308EA96-8305-45CB-8686-91E6EFA12B96}"/>
              </a:ext>
            </a:extLst>
          </p:cNvPr>
          <p:cNvSpPr/>
          <p:nvPr/>
        </p:nvSpPr>
        <p:spPr>
          <a:xfrm>
            <a:off x="3047495" y="2488451"/>
            <a:ext cx="336825" cy="328158"/>
          </a:xfrm>
          <a:prstGeom prst="ellipse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383" name="直接箭头连接符 382">
            <a:extLst>
              <a:ext uri="{FF2B5EF4-FFF2-40B4-BE49-F238E27FC236}">
                <a16:creationId xmlns:a16="http://schemas.microsoft.com/office/drawing/2014/main" id="{F717778E-97D6-45F5-904D-B58D89E15DCE}"/>
              </a:ext>
            </a:extLst>
          </p:cNvPr>
          <p:cNvCxnSpPr>
            <a:cxnSpLocks/>
          </p:cNvCxnSpPr>
          <p:nvPr/>
        </p:nvCxnSpPr>
        <p:spPr>
          <a:xfrm flipH="1" flipV="1">
            <a:off x="2918192" y="2144383"/>
            <a:ext cx="274857" cy="313410"/>
          </a:xfrm>
          <a:prstGeom prst="straightConnector1">
            <a:avLst/>
          </a:prstGeom>
          <a:ln w="28575">
            <a:solidFill>
              <a:srgbClr val="00B05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4" name="Text Box 9">
            <a:extLst>
              <a:ext uri="{FF2B5EF4-FFF2-40B4-BE49-F238E27FC236}">
                <a16:creationId xmlns:a16="http://schemas.microsoft.com/office/drawing/2014/main" id="{DCD2F9A8-737F-4D77-BA9E-37E074D012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32009" y="1789795"/>
            <a:ext cx="948434" cy="5203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頂部</a:t>
            </a:r>
          </a:p>
        </p:txBody>
      </p:sp>
      <p:sp>
        <p:nvSpPr>
          <p:cNvPr id="385" name="椭圆 384">
            <a:extLst>
              <a:ext uri="{FF2B5EF4-FFF2-40B4-BE49-F238E27FC236}">
                <a16:creationId xmlns:a16="http://schemas.microsoft.com/office/drawing/2014/main" id="{6FB180A8-CAD3-453B-927D-55573FF8150A}"/>
              </a:ext>
            </a:extLst>
          </p:cNvPr>
          <p:cNvSpPr/>
          <p:nvPr/>
        </p:nvSpPr>
        <p:spPr>
          <a:xfrm>
            <a:off x="2438762" y="1409503"/>
            <a:ext cx="336825" cy="328158"/>
          </a:xfrm>
          <a:prstGeom prst="ellipse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386" name="直接箭头连接符 385">
            <a:extLst>
              <a:ext uri="{FF2B5EF4-FFF2-40B4-BE49-F238E27FC236}">
                <a16:creationId xmlns:a16="http://schemas.microsoft.com/office/drawing/2014/main" id="{129E59F1-2509-442D-B336-36B196D11901}"/>
              </a:ext>
            </a:extLst>
          </p:cNvPr>
          <p:cNvCxnSpPr>
            <a:cxnSpLocks/>
          </p:cNvCxnSpPr>
          <p:nvPr/>
        </p:nvCxnSpPr>
        <p:spPr>
          <a:xfrm flipH="1" flipV="1">
            <a:off x="2309459" y="1108565"/>
            <a:ext cx="274857" cy="313410"/>
          </a:xfrm>
          <a:prstGeom prst="straightConnector1">
            <a:avLst/>
          </a:prstGeom>
          <a:ln w="28575">
            <a:solidFill>
              <a:srgbClr val="00B05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7" name="Text Box 9">
            <a:extLst>
              <a:ext uri="{FF2B5EF4-FFF2-40B4-BE49-F238E27FC236}">
                <a16:creationId xmlns:a16="http://schemas.microsoft.com/office/drawing/2014/main" id="{494F9B96-EF3B-4056-ACDF-38B4EBC7CF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23276" y="857489"/>
            <a:ext cx="948434" cy="5203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頂部</a:t>
            </a:r>
          </a:p>
        </p:txBody>
      </p:sp>
      <p:sp>
        <p:nvSpPr>
          <p:cNvPr id="375" name="椭圆 374">
            <a:extLst>
              <a:ext uri="{FF2B5EF4-FFF2-40B4-BE49-F238E27FC236}">
                <a16:creationId xmlns:a16="http://schemas.microsoft.com/office/drawing/2014/main" id="{2A585F0D-4082-4645-9549-E331A5A12719}"/>
              </a:ext>
            </a:extLst>
          </p:cNvPr>
          <p:cNvSpPr/>
          <p:nvPr/>
        </p:nvSpPr>
        <p:spPr>
          <a:xfrm>
            <a:off x="4343894" y="5193263"/>
            <a:ext cx="353963" cy="339215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213349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1000"/>
                                        <p:tgtEl>
                                          <p:spTgt spid="3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" dur="1000"/>
                                        <p:tgtEl>
                                          <p:spTgt spid="3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000"/>
                            </p:stCondLst>
                            <p:childTnLst>
                              <p:par>
                                <p:cTn id="53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3000"/>
                            </p:stCondLst>
                            <p:childTnLst>
                              <p:par>
                                <p:cTn id="56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3000"/>
                            </p:stCondLst>
                            <p:childTnLst>
                              <p:par>
                                <p:cTn id="59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4000"/>
                            </p:stCondLst>
                            <p:childTnLst>
                              <p:par>
                                <p:cTn id="6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4000"/>
                            </p:stCondLst>
                            <p:childTnLst>
                              <p:par>
                                <p:cTn id="65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7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2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6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20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1000"/>
                                        <p:tgtEl>
                                          <p:spTgt spid="3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1000"/>
                                        <p:tgtEl>
                                          <p:spTgt spid="3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  <p:bldP spid="47" grpId="1" animBg="1"/>
      <p:bldP spid="376" grpId="0"/>
      <p:bldP spid="376" grpId="1"/>
      <p:bldP spid="382" grpId="0" animBg="1"/>
      <p:bldP spid="382" grpId="1" animBg="1"/>
      <p:bldP spid="384" grpId="0"/>
      <p:bldP spid="384" grpId="1"/>
      <p:bldP spid="385" grpId="0" animBg="1"/>
      <p:bldP spid="385" grpId="1" animBg="1"/>
      <p:bldP spid="387" grpId="0"/>
      <p:bldP spid="387" grpId="1"/>
      <p:bldP spid="375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矩形 63">
            <a:extLst>
              <a:ext uri="{FF2B5EF4-FFF2-40B4-BE49-F238E27FC236}">
                <a16:creationId xmlns:a16="http://schemas.microsoft.com/office/drawing/2014/main" id="{8546D5BD-D71F-41CA-90DC-29E6C4D0A598}"/>
              </a:ext>
            </a:extLst>
          </p:cNvPr>
          <p:cNvSpPr/>
          <p:nvPr/>
        </p:nvSpPr>
        <p:spPr>
          <a:xfrm>
            <a:off x="2444134" y="3658919"/>
            <a:ext cx="2450428" cy="39685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3" name="矩形 62">
            <a:extLst>
              <a:ext uri="{FF2B5EF4-FFF2-40B4-BE49-F238E27FC236}">
                <a16:creationId xmlns:a16="http://schemas.microsoft.com/office/drawing/2014/main" id="{479E5765-CD93-424B-8CA7-31FD225EC1CD}"/>
              </a:ext>
            </a:extLst>
          </p:cNvPr>
          <p:cNvSpPr/>
          <p:nvPr/>
        </p:nvSpPr>
        <p:spPr>
          <a:xfrm>
            <a:off x="2091624" y="3140042"/>
            <a:ext cx="3935217" cy="39685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FF96CD99-5A1A-4A52-BED6-38C662AA60E5}"/>
              </a:ext>
            </a:extLst>
          </p:cNvPr>
          <p:cNvSpPr txBox="1"/>
          <p:nvPr/>
        </p:nvSpPr>
        <p:spPr>
          <a:xfrm>
            <a:off x="686222" y="2617784"/>
            <a:ext cx="8502597" cy="14543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的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 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a) </a:t>
            </a: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用全部較短的膠棒和全部的膠珠* 能  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/  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不能  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*圈出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答案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)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製作一個三角柱的支架。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169559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7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78CDD8B0-18A6-4CAA-B50F-5F7073613F6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007398" y="1055713"/>
            <a:ext cx="6675120" cy="1333412"/>
          </a:xfrm>
          <a:prstGeom prst="rect">
            <a:avLst/>
          </a:prstGeom>
        </p:spPr>
      </p:pic>
      <p:sp>
        <p:nvSpPr>
          <p:cNvPr id="4" name="椭圆 3">
            <a:extLst>
              <a:ext uri="{FF2B5EF4-FFF2-40B4-BE49-F238E27FC236}">
                <a16:creationId xmlns:a16="http://schemas.microsoft.com/office/drawing/2014/main" id="{A8EE646A-6CDE-444F-90D6-F0264016D9C2}"/>
              </a:ext>
            </a:extLst>
          </p:cNvPr>
          <p:cNvSpPr/>
          <p:nvPr/>
        </p:nvSpPr>
        <p:spPr>
          <a:xfrm>
            <a:off x="6845639" y="3151230"/>
            <a:ext cx="732651" cy="463948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A975F1B9-C2A8-4473-9C40-4EE7F813F3C2}"/>
              </a:ext>
            </a:extLst>
          </p:cNvPr>
          <p:cNvGrpSpPr/>
          <p:nvPr/>
        </p:nvGrpSpPr>
        <p:grpSpPr>
          <a:xfrm>
            <a:off x="5939625" y="3872521"/>
            <a:ext cx="1561104" cy="1964724"/>
            <a:chOff x="6656804" y="1095210"/>
            <a:chExt cx="1809561" cy="2264371"/>
          </a:xfrm>
        </p:grpSpPr>
        <p:grpSp>
          <p:nvGrpSpPr>
            <p:cNvPr id="29" name="组合 28">
              <a:extLst>
                <a:ext uri="{FF2B5EF4-FFF2-40B4-BE49-F238E27FC236}">
                  <a16:creationId xmlns:a16="http://schemas.microsoft.com/office/drawing/2014/main" id="{F9A985A0-9938-483E-AA91-9902A32E92AF}"/>
                </a:ext>
              </a:extLst>
            </p:cNvPr>
            <p:cNvGrpSpPr/>
            <p:nvPr/>
          </p:nvGrpSpPr>
          <p:grpSpPr>
            <a:xfrm>
              <a:off x="6710422" y="1130815"/>
              <a:ext cx="1704187" cy="2174420"/>
              <a:chOff x="6710422" y="1130815"/>
              <a:chExt cx="1704187" cy="2174420"/>
            </a:xfrm>
          </p:grpSpPr>
          <p:cxnSp>
            <p:nvCxnSpPr>
              <p:cNvPr id="52" name="直接连接符 51">
                <a:extLst>
                  <a:ext uri="{FF2B5EF4-FFF2-40B4-BE49-F238E27FC236}">
                    <a16:creationId xmlns:a16="http://schemas.microsoft.com/office/drawing/2014/main" id="{9F9BA35E-E55A-49DB-8600-2BCE8B6A12D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523351" y="1130815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3" name="直接连接符 52">
                <a:extLst>
                  <a:ext uri="{FF2B5EF4-FFF2-40B4-BE49-F238E27FC236}">
                    <a16:creationId xmlns:a16="http://schemas.microsoft.com/office/drawing/2014/main" id="{99FF4CCD-DCB0-4A36-B416-EB380412341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710422" y="1636177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4" name="直接连接符 53">
                <a:extLst>
                  <a:ext uri="{FF2B5EF4-FFF2-40B4-BE49-F238E27FC236}">
                    <a16:creationId xmlns:a16="http://schemas.microsoft.com/office/drawing/2014/main" id="{4237ADE8-90B0-431F-8AA0-1FAF24C8773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414609" y="1610299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30" name="组合 29">
              <a:extLst>
                <a:ext uri="{FF2B5EF4-FFF2-40B4-BE49-F238E27FC236}">
                  <a16:creationId xmlns:a16="http://schemas.microsoft.com/office/drawing/2014/main" id="{7AA3FB90-7CB9-4437-85F8-C55FD2D79CA2}"/>
                </a:ext>
              </a:extLst>
            </p:cNvPr>
            <p:cNvGrpSpPr/>
            <p:nvPr/>
          </p:nvGrpSpPr>
          <p:grpSpPr>
            <a:xfrm>
              <a:off x="6656804" y="2754115"/>
              <a:ext cx="1809561" cy="605466"/>
              <a:chOff x="6656804" y="2754115"/>
              <a:chExt cx="1809561" cy="605466"/>
            </a:xfrm>
          </p:grpSpPr>
          <p:cxnSp>
            <p:nvCxnSpPr>
              <p:cNvPr id="46" name="直接连接符 45">
                <a:extLst>
                  <a:ext uri="{FF2B5EF4-FFF2-40B4-BE49-F238E27FC236}">
                    <a16:creationId xmlns:a16="http://schemas.microsoft.com/office/drawing/2014/main" id="{780BC046-B744-4680-A361-D3C97C4F36B1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656804" y="3304828"/>
                <a:ext cx="1718121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7" name="直接连接符 46">
                <a:extLst>
                  <a:ext uri="{FF2B5EF4-FFF2-40B4-BE49-F238E27FC236}">
                    <a16:creationId xmlns:a16="http://schemas.microsoft.com/office/drawing/2014/main" id="{ECD45FD5-4D2C-486F-8CF3-441F22A7E767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6674057" y="2795845"/>
                <a:ext cx="833448" cy="518016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8" name="直接连接符 47">
                <a:extLst>
                  <a:ext uri="{FF2B5EF4-FFF2-40B4-BE49-F238E27FC236}">
                    <a16:creationId xmlns:a16="http://schemas.microsoft.com/office/drawing/2014/main" id="{9651A2B6-6EC4-419D-B856-45BCA5783580}"/>
                  </a:ext>
                </a:extLst>
              </p:cNvPr>
              <p:cNvCxnSpPr>
                <a:cxnSpLocks/>
                <a:endCxn id="51" idx="1"/>
              </p:cNvCxnSpPr>
              <p:nvPr/>
            </p:nvCxnSpPr>
            <p:spPr>
              <a:xfrm>
                <a:off x="7539060" y="2795845"/>
                <a:ext cx="849256" cy="48528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49" name="椭圆 48">
                <a:extLst>
                  <a:ext uri="{FF2B5EF4-FFF2-40B4-BE49-F238E27FC236}">
                    <a16:creationId xmlns:a16="http://schemas.microsoft.com/office/drawing/2014/main" id="{35D37943-7175-4D6A-B649-8E3289BDF73F}"/>
                  </a:ext>
                </a:extLst>
              </p:cNvPr>
              <p:cNvSpPr/>
              <p:nvPr/>
            </p:nvSpPr>
            <p:spPr>
              <a:xfrm>
                <a:off x="7471595" y="2754115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50" name="椭圆 49">
                <a:extLst>
                  <a:ext uri="{FF2B5EF4-FFF2-40B4-BE49-F238E27FC236}">
                    <a16:creationId xmlns:a16="http://schemas.microsoft.com/office/drawing/2014/main" id="{A0467556-1F6E-4D30-8D0C-F6412F2FD188}"/>
                  </a:ext>
                </a:extLst>
              </p:cNvPr>
              <p:cNvSpPr/>
              <p:nvPr/>
            </p:nvSpPr>
            <p:spPr>
              <a:xfrm>
                <a:off x="6657834" y="3268141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51" name="椭圆 50">
                <a:extLst>
                  <a:ext uri="{FF2B5EF4-FFF2-40B4-BE49-F238E27FC236}">
                    <a16:creationId xmlns:a16="http://schemas.microsoft.com/office/drawing/2014/main" id="{31D77618-3E1E-4C77-B710-FF1F238B679E}"/>
                  </a:ext>
                </a:extLst>
              </p:cNvPr>
              <p:cNvSpPr/>
              <p:nvPr/>
            </p:nvSpPr>
            <p:spPr>
              <a:xfrm>
                <a:off x="8374925" y="3267734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32" name="组合 31">
              <a:extLst>
                <a:ext uri="{FF2B5EF4-FFF2-40B4-BE49-F238E27FC236}">
                  <a16:creationId xmlns:a16="http://schemas.microsoft.com/office/drawing/2014/main" id="{63F7904A-431C-4AD9-8403-653C4782FB12}"/>
                </a:ext>
              </a:extLst>
            </p:cNvPr>
            <p:cNvGrpSpPr/>
            <p:nvPr/>
          </p:nvGrpSpPr>
          <p:grpSpPr>
            <a:xfrm>
              <a:off x="6665430" y="1095210"/>
              <a:ext cx="1800935" cy="605466"/>
              <a:chOff x="6656804" y="2754115"/>
              <a:chExt cx="1800935" cy="605466"/>
            </a:xfrm>
          </p:grpSpPr>
          <p:cxnSp>
            <p:nvCxnSpPr>
              <p:cNvPr id="38" name="直接连接符 37">
                <a:extLst>
                  <a:ext uri="{FF2B5EF4-FFF2-40B4-BE49-F238E27FC236}">
                    <a16:creationId xmlns:a16="http://schemas.microsoft.com/office/drawing/2014/main" id="{E38A1DC0-BD22-49BA-AB89-080D79E9045F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656804" y="3304828"/>
                <a:ext cx="1718121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1" name="直接连接符 40">
                <a:extLst>
                  <a:ext uri="{FF2B5EF4-FFF2-40B4-BE49-F238E27FC236}">
                    <a16:creationId xmlns:a16="http://schemas.microsoft.com/office/drawing/2014/main" id="{F50176D4-82EE-4F30-8D4B-8BAB6436F942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6674057" y="2795845"/>
                <a:ext cx="833448" cy="518016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2" name="直接连接符 41">
                <a:extLst>
                  <a:ext uri="{FF2B5EF4-FFF2-40B4-BE49-F238E27FC236}">
                    <a16:creationId xmlns:a16="http://schemas.microsoft.com/office/drawing/2014/main" id="{51E6C1F4-18FD-41BD-A7D6-57BCCFEA27CE}"/>
                  </a:ext>
                </a:extLst>
              </p:cNvPr>
              <p:cNvCxnSpPr>
                <a:cxnSpLocks/>
                <a:endCxn id="45" idx="1"/>
              </p:cNvCxnSpPr>
              <p:nvPr/>
            </p:nvCxnSpPr>
            <p:spPr>
              <a:xfrm>
                <a:off x="7530434" y="2778593"/>
                <a:ext cx="849256" cy="48528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43" name="椭圆 42">
                <a:extLst>
                  <a:ext uri="{FF2B5EF4-FFF2-40B4-BE49-F238E27FC236}">
                    <a16:creationId xmlns:a16="http://schemas.microsoft.com/office/drawing/2014/main" id="{6DFC4406-66A9-4480-A392-148C7EF6135A}"/>
                  </a:ext>
                </a:extLst>
              </p:cNvPr>
              <p:cNvSpPr/>
              <p:nvPr/>
            </p:nvSpPr>
            <p:spPr>
              <a:xfrm>
                <a:off x="7471595" y="2754115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44" name="椭圆 43">
                <a:extLst>
                  <a:ext uri="{FF2B5EF4-FFF2-40B4-BE49-F238E27FC236}">
                    <a16:creationId xmlns:a16="http://schemas.microsoft.com/office/drawing/2014/main" id="{0EA7897C-2FE7-4D47-924C-B391CCBBBE27}"/>
                  </a:ext>
                </a:extLst>
              </p:cNvPr>
              <p:cNvSpPr/>
              <p:nvPr/>
            </p:nvSpPr>
            <p:spPr>
              <a:xfrm>
                <a:off x="6657834" y="3268141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45" name="椭圆 44">
                <a:extLst>
                  <a:ext uri="{FF2B5EF4-FFF2-40B4-BE49-F238E27FC236}">
                    <a16:creationId xmlns:a16="http://schemas.microsoft.com/office/drawing/2014/main" id="{46FC3DC9-6A28-425A-BA88-E5EC01CE9A12}"/>
                  </a:ext>
                </a:extLst>
              </p:cNvPr>
              <p:cNvSpPr/>
              <p:nvPr/>
            </p:nvSpPr>
            <p:spPr>
              <a:xfrm>
                <a:off x="8366299" y="3250482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55" name="Text Box 9">
            <a:extLst>
              <a:ext uri="{FF2B5EF4-FFF2-40B4-BE49-F238E27FC236}">
                <a16:creationId xmlns:a16="http://schemas.microsoft.com/office/drawing/2014/main" id="{E07F25AD-5AD5-4C0C-883D-054AA6BF393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29589" y="4478092"/>
            <a:ext cx="414988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需要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枝膠棒和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粒膠珠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3" name="矩形: 圆角 2">
            <a:extLst>
              <a:ext uri="{FF2B5EF4-FFF2-40B4-BE49-F238E27FC236}">
                <a16:creationId xmlns:a16="http://schemas.microsoft.com/office/drawing/2014/main" id="{42BBA6CA-246B-45F8-BCCE-06D24232E9BA}"/>
              </a:ext>
            </a:extLst>
          </p:cNvPr>
          <p:cNvSpPr/>
          <p:nvPr/>
        </p:nvSpPr>
        <p:spPr>
          <a:xfrm>
            <a:off x="2944035" y="1000038"/>
            <a:ext cx="4926978" cy="145430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9" name="Text Box 9">
            <a:extLst>
              <a:ext uri="{FF2B5EF4-FFF2-40B4-BE49-F238E27FC236}">
                <a16:creationId xmlns:a16="http://schemas.microsoft.com/office/drawing/2014/main" id="{2C9680CA-4603-4D39-8D63-23CC776CA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06147" y="492823"/>
            <a:ext cx="323785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枝膠棒和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粒膠珠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645FB58B-56CE-4855-8EB8-4A865154FE3A}"/>
              </a:ext>
            </a:extLst>
          </p:cNvPr>
          <p:cNvSpPr/>
          <p:nvPr/>
        </p:nvSpPr>
        <p:spPr>
          <a:xfrm>
            <a:off x="5918308" y="545816"/>
            <a:ext cx="1298280" cy="386156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2285458B-8DBA-49CE-8725-73C31A8E89C7}"/>
              </a:ext>
            </a:extLst>
          </p:cNvPr>
          <p:cNvSpPr/>
          <p:nvPr/>
        </p:nvSpPr>
        <p:spPr>
          <a:xfrm>
            <a:off x="3006249" y="4557107"/>
            <a:ext cx="1298280" cy="386156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9" name="Text Box 9">
            <a:extLst>
              <a:ext uri="{FF2B5EF4-FFF2-40B4-BE49-F238E27FC236}">
                <a16:creationId xmlns:a16="http://schemas.microsoft.com/office/drawing/2014/main" id="{AFD1452C-7133-44D1-A25D-7613955FB19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23623" y="5114970"/>
            <a:ext cx="239323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膠棒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不足夠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164064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3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4" grpId="0" animBg="1"/>
      <p:bldP spid="64" grpId="1" animBg="1"/>
      <p:bldP spid="63" grpId="0" animBg="1"/>
      <p:bldP spid="63" grpId="1" animBg="1"/>
      <p:bldP spid="4" grpId="0" animBg="1"/>
      <p:bldP spid="55" grpId="0"/>
      <p:bldP spid="55" grpId="1"/>
      <p:bldP spid="3" grpId="0" animBg="1"/>
      <p:bldP spid="3" grpId="1" animBg="1"/>
      <p:bldP spid="39" grpId="0"/>
      <p:bldP spid="39" grpId="1"/>
      <p:bldP spid="5" grpId="0" animBg="1"/>
      <p:bldP spid="5" grpId="1" animBg="1"/>
      <p:bldP spid="40" grpId="0" animBg="1"/>
      <p:bldP spid="40" grpId="1" animBg="1"/>
      <p:bldP spid="59" grpId="0"/>
      <p:bldP spid="59" grpId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6" name="矩形 175">
            <a:extLst>
              <a:ext uri="{FF2B5EF4-FFF2-40B4-BE49-F238E27FC236}">
                <a16:creationId xmlns:a16="http://schemas.microsoft.com/office/drawing/2014/main" id="{33477E41-908E-464A-9720-0EBDA9A553AF}"/>
              </a:ext>
            </a:extLst>
          </p:cNvPr>
          <p:cNvSpPr/>
          <p:nvPr/>
        </p:nvSpPr>
        <p:spPr>
          <a:xfrm>
            <a:off x="1829287" y="3133616"/>
            <a:ext cx="3976026" cy="422644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D27E5F53-5D63-4E36-BB22-96EE42C37D4A}"/>
              </a:ext>
            </a:extLst>
          </p:cNvPr>
          <p:cNvSpPr/>
          <p:nvPr/>
        </p:nvSpPr>
        <p:spPr>
          <a:xfrm>
            <a:off x="2976769" y="2664378"/>
            <a:ext cx="5709674" cy="422644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FF96CD99-5A1A-4A52-BED6-38C662AA60E5}"/>
              </a:ext>
            </a:extLst>
          </p:cNvPr>
          <p:cNvSpPr txBox="1"/>
          <p:nvPr/>
        </p:nvSpPr>
        <p:spPr>
          <a:xfrm>
            <a:off x="668287" y="2617784"/>
            <a:ext cx="8412958" cy="14543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的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 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b) </a:t>
            </a: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用以上的材料製成一個長方體。在以下方格紙上畫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出這個長方體的摺紙圖樣。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5090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7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170" name="Text Box 50">
            <a:extLst>
              <a:ext uri="{FF2B5EF4-FFF2-40B4-BE49-F238E27FC236}">
                <a16:creationId xmlns:a16="http://schemas.microsoft.com/office/drawing/2014/main" id="{BB983194-0DE4-4F94-AAEA-1D3D50731C0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69572" y="4992807"/>
            <a:ext cx="8866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12cm</a:t>
            </a:r>
          </a:p>
        </p:txBody>
      </p:sp>
      <p:sp>
        <p:nvSpPr>
          <p:cNvPr id="171" name="Text Box 50">
            <a:extLst>
              <a:ext uri="{FF2B5EF4-FFF2-40B4-BE49-F238E27FC236}">
                <a16:creationId xmlns:a16="http://schemas.microsoft.com/office/drawing/2014/main" id="{D4294481-874C-431E-816F-A3D867CCE38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23208" y="5669538"/>
            <a:ext cx="7342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172" name="Text Box 50">
            <a:extLst>
              <a:ext uri="{FF2B5EF4-FFF2-40B4-BE49-F238E27FC236}">
                <a16:creationId xmlns:a16="http://schemas.microsoft.com/office/drawing/2014/main" id="{410BB221-80F8-4FDE-B4DD-1A1A75DD826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51925" y="3991509"/>
            <a:ext cx="676489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長方體有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條長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12cm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的稜和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條長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8cm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的稜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6" name="Text Box 50">
            <a:extLst>
              <a:ext uri="{FF2B5EF4-FFF2-40B4-BE49-F238E27FC236}">
                <a16:creationId xmlns:a16="http://schemas.microsoft.com/office/drawing/2014/main" id="{09A6E34D-EE6A-4F7C-B007-4E072C3EBD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69121" y="5906639"/>
            <a:ext cx="7342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8cm</a:t>
            </a:r>
          </a:p>
        </p:txBody>
      </p:sp>
      <p:grpSp>
        <p:nvGrpSpPr>
          <p:cNvPr id="10" name="组合 9">
            <a:extLst>
              <a:ext uri="{FF2B5EF4-FFF2-40B4-BE49-F238E27FC236}">
                <a16:creationId xmlns:a16="http://schemas.microsoft.com/office/drawing/2014/main" id="{8128336D-19CE-43BB-8FFF-D8B5A74CF586}"/>
              </a:ext>
            </a:extLst>
          </p:cNvPr>
          <p:cNvGrpSpPr/>
          <p:nvPr/>
        </p:nvGrpSpPr>
        <p:grpSpPr>
          <a:xfrm>
            <a:off x="1338029" y="4587925"/>
            <a:ext cx="950748" cy="1372443"/>
            <a:chOff x="1356280" y="4745097"/>
            <a:chExt cx="950748" cy="1372443"/>
          </a:xfrm>
        </p:grpSpPr>
        <p:grpSp>
          <p:nvGrpSpPr>
            <p:cNvPr id="3" name="组合 2">
              <a:extLst>
                <a:ext uri="{FF2B5EF4-FFF2-40B4-BE49-F238E27FC236}">
                  <a16:creationId xmlns:a16="http://schemas.microsoft.com/office/drawing/2014/main" id="{8B14B125-8434-41D6-B065-7374F1EB498F}"/>
                </a:ext>
              </a:extLst>
            </p:cNvPr>
            <p:cNvGrpSpPr/>
            <p:nvPr/>
          </p:nvGrpSpPr>
          <p:grpSpPr>
            <a:xfrm>
              <a:off x="1356280" y="4745097"/>
              <a:ext cx="946014" cy="1343988"/>
              <a:chOff x="1059376" y="4564121"/>
              <a:chExt cx="946014" cy="1343988"/>
            </a:xfrm>
          </p:grpSpPr>
          <p:sp>
            <p:nvSpPr>
              <p:cNvPr id="173" name="矩形 172">
                <a:extLst>
                  <a:ext uri="{FF2B5EF4-FFF2-40B4-BE49-F238E27FC236}">
                    <a16:creationId xmlns:a16="http://schemas.microsoft.com/office/drawing/2014/main" id="{B7027E61-50DF-459C-B6A3-6CD59FFA9CFC}"/>
                  </a:ext>
                </a:extLst>
              </p:cNvPr>
              <p:cNvSpPr/>
              <p:nvPr/>
            </p:nvSpPr>
            <p:spPr>
              <a:xfrm>
                <a:off x="1059376" y="4828109"/>
                <a:ext cx="720000" cy="1080000"/>
              </a:xfrm>
              <a:prstGeom prst="rect">
                <a:avLst/>
              </a:prstGeom>
              <a:noFill/>
              <a:ln w="19050"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174" name="矩形 55">
                <a:extLst>
                  <a:ext uri="{FF2B5EF4-FFF2-40B4-BE49-F238E27FC236}">
                    <a16:creationId xmlns:a16="http://schemas.microsoft.com/office/drawing/2014/main" id="{FDFA1167-7C96-479E-8512-098C23D517DF}"/>
                  </a:ext>
                </a:extLst>
              </p:cNvPr>
              <p:cNvSpPr/>
              <p:nvPr/>
            </p:nvSpPr>
            <p:spPr>
              <a:xfrm rot="16200000">
                <a:off x="1221776" y="5121335"/>
                <a:ext cx="1340528" cy="226701"/>
              </a:xfrm>
              <a:custGeom>
                <a:avLst/>
                <a:gdLst>
                  <a:gd name="connsiteX0" fmla="*/ 0 w 1044000"/>
                  <a:gd name="connsiteY0" fmla="*/ 0 h 514800"/>
                  <a:gd name="connsiteX1" fmla="*/ 1044000 w 1044000"/>
                  <a:gd name="connsiteY1" fmla="*/ 0 h 514800"/>
                  <a:gd name="connsiteX2" fmla="*/ 1044000 w 1044000"/>
                  <a:gd name="connsiteY2" fmla="*/ 514800 h 514800"/>
                  <a:gd name="connsiteX3" fmla="*/ 0 w 1044000"/>
                  <a:gd name="connsiteY3" fmla="*/ 514800 h 514800"/>
                  <a:gd name="connsiteX4" fmla="*/ 0 w 1044000"/>
                  <a:gd name="connsiteY4" fmla="*/ 0 h 514800"/>
                  <a:gd name="connsiteX0" fmla="*/ 280219 w 1324219"/>
                  <a:gd name="connsiteY0" fmla="*/ 266864 h 781664"/>
                  <a:gd name="connsiteX1" fmla="*/ 1324219 w 1324219"/>
                  <a:gd name="connsiteY1" fmla="*/ 266864 h 781664"/>
                  <a:gd name="connsiteX2" fmla="*/ 1324219 w 1324219"/>
                  <a:gd name="connsiteY2" fmla="*/ 781664 h 781664"/>
                  <a:gd name="connsiteX3" fmla="*/ 0 w 1324219"/>
                  <a:gd name="connsiteY3" fmla="*/ 0 h 781664"/>
                  <a:gd name="connsiteX4" fmla="*/ 280219 w 1324219"/>
                  <a:gd name="connsiteY4" fmla="*/ 266864 h 7816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77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36626 w 1324219"/>
                  <a:gd name="connsiteY2" fmla="*/ 7380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29252 w 1324219"/>
                  <a:gd name="connsiteY2" fmla="*/ 9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44000 w 1324219"/>
                  <a:gd name="connsiteY2" fmla="*/ 12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80219 w 1324219"/>
                  <a:gd name="connsiteY0" fmla="*/ 266864 h 266864"/>
                  <a:gd name="connsiteX1" fmla="*/ 1324219 w 1324219"/>
                  <a:gd name="connsiteY1" fmla="*/ 266864 h 266864"/>
                  <a:gd name="connsiteX2" fmla="*/ 1071184 w 1324219"/>
                  <a:gd name="connsiteY2" fmla="*/ 35972 h 266864"/>
                  <a:gd name="connsiteX3" fmla="*/ 0 w 1324219"/>
                  <a:gd name="connsiteY3" fmla="*/ 0 h 266864"/>
                  <a:gd name="connsiteX4" fmla="*/ 280219 w 1324219"/>
                  <a:gd name="connsiteY4" fmla="*/ 266864 h 266864"/>
                  <a:gd name="connsiteX0" fmla="*/ 236045 w 1280045"/>
                  <a:gd name="connsiteY0" fmla="*/ 230892 h 230892"/>
                  <a:gd name="connsiteX1" fmla="*/ 1280045 w 1280045"/>
                  <a:gd name="connsiteY1" fmla="*/ 230892 h 230892"/>
                  <a:gd name="connsiteX2" fmla="*/ 1027010 w 1280045"/>
                  <a:gd name="connsiteY2" fmla="*/ 0 h 230892"/>
                  <a:gd name="connsiteX3" fmla="*/ 0 w 1280045"/>
                  <a:gd name="connsiteY3" fmla="*/ 3585 h 230892"/>
                  <a:gd name="connsiteX4" fmla="*/ 236045 w 1280045"/>
                  <a:gd name="connsiteY4" fmla="*/ 230892 h 230892"/>
                  <a:gd name="connsiteX0" fmla="*/ 239444 w 1283444"/>
                  <a:gd name="connsiteY0" fmla="*/ 230892 h 230892"/>
                  <a:gd name="connsiteX1" fmla="*/ 1283444 w 1283444"/>
                  <a:gd name="connsiteY1" fmla="*/ 230892 h 230892"/>
                  <a:gd name="connsiteX2" fmla="*/ 1030409 w 1283444"/>
                  <a:gd name="connsiteY2" fmla="*/ 0 h 230892"/>
                  <a:gd name="connsiteX3" fmla="*/ 0 w 1283444"/>
                  <a:gd name="connsiteY3" fmla="*/ 3585 h 230892"/>
                  <a:gd name="connsiteX4" fmla="*/ 239444 w 1283444"/>
                  <a:gd name="connsiteY4" fmla="*/ 230892 h 230892"/>
                  <a:gd name="connsiteX0" fmla="*/ 246241 w 1290241"/>
                  <a:gd name="connsiteY0" fmla="*/ 230892 h 230892"/>
                  <a:gd name="connsiteX1" fmla="*/ 1290241 w 1290241"/>
                  <a:gd name="connsiteY1" fmla="*/ 230892 h 230892"/>
                  <a:gd name="connsiteX2" fmla="*/ 1037206 w 1290241"/>
                  <a:gd name="connsiteY2" fmla="*/ 0 h 230892"/>
                  <a:gd name="connsiteX3" fmla="*/ 0 w 1290241"/>
                  <a:gd name="connsiteY3" fmla="*/ 3588 h 230892"/>
                  <a:gd name="connsiteX4" fmla="*/ 246241 w 1290241"/>
                  <a:gd name="connsiteY4" fmla="*/ 230892 h 230892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290241" h="230892">
                    <a:moveTo>
                      <a:pt x="246241" y="230892"/>
                    </a:moveTo>
                    <a:lnTo>
                      <a:pt x="1290241" y="230892"/>
                    </a:lnTo>
                    <a:lnTo>
                      <a:pt x="1037206" y="0"/>
                    </a:lnTo>
                    <a:lnTo>
                      <a:pt x="0" y="3588"/>
                    </a:lnTo>
                    <a:lnTo>
                      <a:pt x="246241" y="230892"/>
                    </a:lnTo>
                    <a:close/>
                  </a:path>
                </a:pathLst>
              </a:custGeom>
              <a:noFill/>
              <a:ln w="19050"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175" name="矩形 56">
                <a:extLst>
                  <a:ext uri="{FF2B5EF4-FFF2-40B4-BE49-F238E27FC236}">
                    <a16:creationId xmlns:a16="http://schemas.microsoft.com/office/drawing/2014/main" id="{D201D09A-3DCF-494E-B770-D69861C653DB}"/>
                  </a:ext>
                </a:extLst>
              </p:cNvPr>
              <p:cNvSpPr/>
              <p:nvPr/>
            </p:nvSpPr>
            <p:spPr>
              <a:xfrm>
                <a:off x="1059376" y="4564121"/>
                <a:ext cx="945474" cy="263988"/>
              </a:xfrm>
              <a:custGeom>
                <a:avLst/>
                <a:gdLst>
                  <a:gd name="connsiteX0" fmla="*/ 0 w 781200"/>
                  <a:gd name="connsiteY0" fmla="*/ 0 h 514800"/>
                  <a:gd name="connsiteX1" fmla="*/ 781200 w 781200"/>
                  <a:gd name="connsiteY1" fmla="*/ 0 h 514800"/>
                  <a:gd name="connsiteX2" fmla="*/ 781200 w 781200"/>
                  <a:gd name="connsiteY2" fmla="*/ 514800 h 514800"/>
                  <a:gd name="connsiteX3" fmla="*/ 0 w 781200"/>
                  <a:gd name="connsiteY3" fmla="*/ 514800 h 514800"/>
                  <a:gd name="connsiteX4" fmla="*/ 0 w 781200"/>
                  <a:gd name="connsiteY4" fmla="*/ 0 h 514800"/>
                  <a:gd name="connsiteX0" fmla="*/ 0 w 781200"/>
                  <a:gd name="connsiteY0" fmla="*/ 0 h 803787"/>
                  <a:gd name="connsiteX1" fmla="*/ 515729 w 781200"/>
                  <a:gd name="connsiteY1" fmla="*/ 803787 h 803787"/>
                  <a:gd name="connsiteX2" fmla="*/ 781200 w 781200"/>
                  <a:gd name="connsiteY2" fmla="*/ 514800 h 803787"/>
                  <a:gd name="connsiteX3" fmla="*/ 0 w 781200"/>
                  <a:gd name="connsiteY3" fmla="*/ 514800 h 803787"/>
                  <a:gd name="connsiteX4" fmla="*/ 0 w 781200"/>
                  <a:gd name="connsiteY4" fmla="*/ 0 h 803787"/>
                  <a:gd name="connsiteX0" fmla="*/ 0 w 1031922"/>
                  <a:gd name="connsiteY0" fmla="*/ 274238 h 288987"/>
                  <a:gd name="connsiteX1" fmla="*/ 766451 w 1031922"/>
                  <a:gd name="connsiteY1" fmla="*/ 288987 h 288987"/>
                  <a:gd name="connsiteX2" fmla="*/ 1031922 w 1031922"/>
                  <a:gd name="connsiteY2" fmla="*/ 0 h 288987"/>
                  <a:gd name="connsiteX3" fmla="*/ 250722 w 1031922"/>
                  <a:gd name="connsiteY3" fmla="*/ 0 h 288987"/>
                  <a:gd name="connsiteX4" fmla="*/ 0 w 1031922"/>
                  <a:gd name="connsiteY4" fmla="*/ 274238 h 288987"/>
                  <a:gd name="connsiteX0" fmla="*/ 0 w 1039296"/>
                  <a:gd name="connsiteY0" fmla="*/ 274238 h 288987"/>
                  <a:gd name="connsiteX1" fmla="*/ 773825 w 1039296"/>
                  <a:gd name="connsiteY1" fmla="*/ 288987 h 288987"/>
                  <a:gd name="connsiteX2" fmla="*/ 1039296 w 1039296"/>
                  <a:gd name="connsiteY2" fmla="*/ 0 h 288987"/>
                  <a:gd name="connsiteX3" fmla="*/ 258096 w 1039296"/>
                  <a:gd name="connsiteY3" fmla="*/ 0 h 288987"/>
                  <a:gd name="connsiteX4" fmla="*/ 0 w 1039296"/>
                  <a:gd name="connsiteY4" fmla="*/ 274238 h 288987"/>
                  <a:gd name="connsiteX0" fmla="*/ 0 w 1039296"/>
                  <a:gd name="connsiteY0" fmla="*/ 274238 h 303735"/>
                  <a:gd name="connsiteX1" fmla="*/ 773825 w 1039296"/>
                  <a:gd name="connsiteY1" fmla="*/ 303735 h 303735"/>
                  <a:gd name="connsiteX2" fmla="*/ 1039296 w 1039296"/>
                  <a:gd name="connsiteY2" fmla="*/ 0 h 303735"/>
                  <a:gd name="connsiteX3" fmla="*/ 258096 w 1039296"/>
                  <a:gd name="connsiteY3" fmla="*/ 0 h 303735"/>
                  <a:gd name="connsiteX4" fmla="*/ 0 w 1039296"/>
                  <a:gd name="connsiteY4" fmla="*/ 274238 h 303735"/>
                  <a:gd name="connsiteX0" fmla="*/ 0 w 1039296"/>
                  <a:gd name="connsiteY0" fmla="*/ 274238 h 296361"/>
                  <a:gd name="connsiteX1" fmla="*/ 773825 w 1039296"/>
                  <a:gd name="connsiteY1" fmla="*/ 296361 h 296361"/>
                  <a:gd name="connsiteX2" fmla="*/ 1039296 w 1039296"/>
                  <a:gd name="connsiteY2" fmla="*/ 0 h 296361"/>
                  <a:gd name="connsiteX3" fmla="*/ 258096 w 1039296"/>
                  <a:gd name="connsiteY3" fmla="*/ 0 h 296361"/>
                  <a:gd name="connsiteX4" fmla="*/ 0 w 1039296"/>
                  <a:gd name="connsiteY4" fmla="*/ 274238 h 296361"/>
                  <a:gd name="connsiteX0" fmla="*/ 0 w 1039296"/>
                  <a:gd name="connsiteY0" fmla="*/ 274238 h 288986"/>
                  <a:gd name="connsiteX1" fmla="*/ 773825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8986"/>
                  <a:gd name="connsiteX1" fmla="*/ 781199 w 1039296"/>
                  <a:gd name="connsiteY1" fmla="*/ 288986 h 288986"/>
                  <a:gd name="connsiteX2" fmla="*/ 1039296 w 1039296"/>
                  <a:gd name="connsiteY2" fmla="*/ 0 h 288986"/>
                  <a:gd name="connsiteX3" fmla="*/ 258096 w 1039296"/>
                  <a:gd name="connsiteY3" fmla="*/ 0 h 288986"/>
                  <a:gd name="connsiteX4" fmla="*/ 0 w 1039296"/>
                  <a:gd name="connsiteY4" fmla="*/ 274238 h 288986"/>
                  <a:gd name="connsiteX0" fmla="*/ 0 w 1039296"/>
                  <a:gd name="connsiteY0" fmla="*/ 274238 h 285697"/>
                  <a:gd name="connsiteX1" fmla="*/ 781199 w 1039296"/>
                  <a:gd name="connsiteY1" fmla="*/ 285697 h 285697"/>
                  <a:gd name="connsiteX2" fmla="*/ 1039296 w 1039296"/>
                  <a:gd name="connsiteY2" fmla="*/ 0 h 285697"/>
                  <a:gd name="connsiteX3" fmla="*/ 258096 w 1039296"/>
                  <a:gd name="connsiteY3" fmla="*/ 0 h 285697"/>
                  <a:gd name="connsiteX4" fmla="*/ 0 w 1039296"/>
                  <a:gd name="connsiteY4" fmla="*/ 274238 h 285697"/>
                  <a:gd name="connsiteX0" fmla="*/ 0 w 1039296"/>
                  <a:gd name="connsiteY0" fmla="*/ 274238 h 282408"/>
                  <a:gd name="connsiteX1" fmla="*/ 781199 w 1039296"/>
                  <a:gd name="connsiteY1" fmla="*/ 282408 h 282408"/>
                  <a:gd name="connsiteX2" fmla="*/ 1039296 w 1039296"/>
                  <a:gd name="connsiteY2" fmla="*/ 0 h 282408"/>
                  <a:gd name="connsiteX3" fmla="*/ 258096 w 1039296"/>
                  <a:gd name="connsiteY3" fmla="*/ 0 h 282408"/>
                  <a:gd name="connsiteX4" fmla="*/ 0 w 1039296"/>
                  <a:gd name="connsiteY4" fmla="*/ 274238 h 28240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84488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39296"/>
                  <a:gd name="connsiteY0" fmla="*/ 274238 h 279118"/>
                  <a:gd name="connsiteX1" fmla="*/ 777910 w 1039296"/>
                  <a:gd name="connsiteY1" fmla="*/ 279118 h 279118"/>
                  <a:gd name="connsiteX2" fmla="*/ 1039296 w 1039296"/>
                  <a:gd name="connsiteY2" fmla="*/ 0 h 279118"/>
                  <a:gd name="connsiteX3" fmla="*/ 258096 w 1039296"/>
                  <a:gd name="connsiteY3" fmla="*/ 0 h 279118"/>
                  <a:gd name="connsiteX4" fmla="*/ 0 w 1039296"/>
                  <a:gd name="connsiteY4" fmla="*/ 274238 h 279118"/>
                  <a:gd name="connsiteX0" fmla="*/ 0 w 1052452"/>
                  <a:gd name="connsiteY0" fmla="*/ 277527 h 279118"/>
                  <a:gd name="connsiteX1" fmla="*/ 791066 w 1052452"/>
                  <a:gd name="connsiteY1" fmla="*/ 279118 h 279118"/>
                  <a:gd name="connsiteX2" fmla="*/ 1052452 w 1052452"/>
                  <a:gd name="connsiteY2" fmla="*/ 0 h 279118"/>
                  <a:gd name="connsiteX3" fmla="*/ 271252 w 1052452"/>
                  <a:gd name="connsiteY3" fmla="*/ 0 h 279118"/>
                  <a:gd name="connsiteX4" fmla="*/ 0 w 105245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0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77527 h 279118"/>
                  <a:gd name="connsiteX1" fmla="*/ 787776 w 1049162"/>
                  <a:gd name="connsiteY1" fmla="*/ 279118 h 279118"/>
                  <a:gd name="connsiteX2" fmla="*/ 1049162 w 1049162"/>
                  <a:gd name="connsiteY2" fmla="*/ 9867 h 279118"/>
                  <a:gd name="connsiteX3" fmla="*/ 267962 w 1049162"/>
                  <a:gd name="connsiteY3" fmla="*/ 0 h 279118"/>
                  <a:gd name="connsiteX4" fmla="*/ 0 w 1049162"/>
                  <a:gd name="connsiteY4" fmla="*/ 277527 h 279118"/>
                  <a:gd name="connsiteX0" fmla="*/ 0 w 1049162"/>
                  <a:gd name="connsiteY0" fmla="*/ 267660 h 269251"/>
                  <a:gd name="connsiteX1" fmla="*/ 787776 w 1049162"/>
                  <a:gd name="connsiteY1" fmla="*/ 269251 h 269251"/>
                  <a:gd name="connsiteX2" fmla="*/ 1049162 w 1049162"/>
                  <a:gd name="connsiteY2" fmla="*/ 0 h 269251"/>
                  <a:gd name="connsiteX3" fmla="*/ 264658 w 1049162"/>
                  <a:gd name="connsiteY3" fmla="*/ 0 h 269251"/>
                  <a:gd name="connsiteX4" fmla="*/ 0 w 1049162"/>
                  <a:gd name="connsiteY4" fmla="*/ 267660 h 269251"/>
                  <a:gd name="connsiteX0" fmla="*/ 0 w 1049162"/>
                  <a:gd name="connsiteY0" fmla="*/ 275005 h 275005"/>
                  <a:gd name="connsiteX1" fmla="*/ 787776 w 1049162"/>
                  <a:gd name="connsiteY1" fmla="*/ 269251 h 275005"/>
                  <a:gd name="connsiteX2" fmla="*/ 1049162 w 1049162"/>
                  <a:gd name="connsiteY2" fmla="*/ 0 h 275005"/>
                  <a:gd name="connsiteX3" fmla="*/ 264658 w 1049162"/>
                  <a:gd name="connsiteY3" fmla="*/ 0 h 275005"/>
                  <a:gd name="connsiteX4" fmla="*/ 0 w 1049162"/>
                  <a:gd name="connsiteY4" fmla="*/ 275005 h 275005"/>
                  <a:gd name="connsiteX0" fmla="*/ 0 w 1049162"/>
                  <a:gd name="connsiteY0" fmla="*/ 263988 h 269251"/>
                  <a:gd name="connsiteX1" fmla="*/ 787776 w 1049162"/>
                  <a:gd name="connsiteY1" fmla="*/ 269251 h 269251"/>
                  <a:gd name="connsiteX2" fmla="*/ 1049162 w 1049162"/>
                  <a:gd name="connsiteY2" fmla="*/ 0 h 269251"/>
                  <a:gd name="connsiteX3" fmla="*/ 264658 w 1049162"/>
                  <a:gd name="connsiteY3" fmla="*/ 0 h 269251"/>
                  <a:gd name="connsiteX4" fmla="*/ 0 w 1049162"/>
                  <a:gd name="connsiteY4" fmla="*/ 263988 h 269251"/>
                  <a:gd name="connsiteX0" fmla="*/ 0 w 1049162"/>
                  <a:gd name="connsiteY0" fmla="*/ 263988 h 265579"/>
                  <a:gd name="connsiteX1" fmla="*/ 787776 w 1049162"/>
                  <a:gd name="connsiteY1" fmla="*/ 265579 h 265579"/>
                  <a:gd name="connsiteX2" fmla="*/ 1049162 w 1049162"/>
                  <a:gd name="connsiteY2" fmla="*/ 0 h 265579"/>
                  <a:gd name="connsiteX3" fmla="*/ 264658 w 1049162"/>
                  <a:gd name="connsiteY3" fmla="*/ 0 h 265579"/>
                  <a:gd name="connsiteX4" fmla="*/ 0 w 1049162"/>
                  <a:gd name="connsiteY4" fmla="*/ 263988 h 265579"/>
                  <a:gd name="connsiteX0" fmla="*/ 0 w 1049162"/>
                  <a:gd name="connsiteY0" fmla="*/ 263988 h 265579"/>
                  <a:gd name="connsiteX1" fmla="*/ 795152 w 1049162"/>
                  <a:gd name="connsiteY1" fmla="*/ 265579 h 265579"/>
                  <a:gd name="connsiteX2" fmla="*/ 1049162 w 1049162"/>
                  <a:gd name="connsiteY2" fmla="*/ 0 h 265579"/>
                  <a:gd name="connsiteX3" fmla="*/ 264658 w 1049162"/>
                  <a:gd name="connsiteY3" fmla="*/ 0 h 265579"/>
                  <a:gd name="connsiteX4" fmla="*/ 0 w 1049162"/>
                  <a:gd name="connsiteY4" fmla="*/ 263988 h 265579"/>
                  <a:gd name="connsiteX0" fmla="*/ 0 w 1049162"/>
                  <a:gd name="connsiteY0" fmla="*/ 263988 h 263988"/>
                  <a:gd name="connsiteX1" fmla="*/ 802529 w 1049162"/>
                  <a:gd name="connsiteY1" fmla="*/ 261906 h 263988"/>
                  <a:gd name="connsiteX2" fmla="*/ 1049162 w 1049162"/>
                  <a:gd name="connsiteY2" fmla="*/ 0 h 263988"/>
                  <a:gd name="connsiteX3" fmla="*/ 264658 w 1049162"/>
                  <a:gd name="connsiteY3" fmla="*/ 0 h 263988"/>
                  <a:gd name="connsiteX4" fmla="*/ 0 w 1049162"/>
                  <a:gd name="connsiteY4" fmla="*/ 263988 h 26398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1049162" h="263988">
                    <a:moveTo>
                      <a:pt x="0" y="263988"/>
                    </a:moveTo>
                    <a:lnTo>
                      <a:pt x="802529" y="261906"/>
                    </a:lnTo>
                    <a:lnTo>
                      <a:pt x="1049162" y="0"/>
                    </a:lnTo>
                    <a:lnTo>
                      <a:pt x="264658" y="0"/>
                    </a:lnTo>
                    <a:lnTo>
                      <a:pt x="0" y="263988"/>
                    </a:lnTo>
                    <a:close/>
                  </a:path>
                </a:pathLst>
              </a:custGeom>
              <a:noFill/>
              <a:ln w="19050"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  <p:grpSp>
          <p:nvGrpSpPr>
            <p:cNvPr id="9" name="组合 8">
              <a:extLst>
                <a:ext uri="{FF2B5EF4-FFF2-40B4-BE49-F238E27FC236}">
                  <a16:creationId xmlns:a16="http://schemas.microsoft.com/office/drawing/2014/main" id="{D16D6A2F-A9E9-477B-BC06-7E9CE6B48713}"/>
                </a:ext>
              </a:extLst>
            </p:cNvPr>
            <p:cNvGrpSpPr/>
            <p:nvPr/>
          </p:nvGrpSpPr>
          <p:grpSpPr>
            <a:xfrm>
              <a:off x="1488466" y="4747518"/>
              <a:ext cx="818562" cy="1370022"/>
              <a:chOff x="1488466" y="4747518"/>
              <a:chExt cx="818562" cy="1370022"/>
            </a:xfrm>
          </p:grpSpPr>
          <p:sp>
            <p:nvSpPr>
              <p:cNvPr id="8" name="任意多边形: 形状 7">
                <a:extLst>
                  <a:ext uri="{FF2B5EF4-FFF2-40B4-BE49-F238E27FC236}">
                    <a16:creationId xmlns:a16="http://schemas.microsoft.com/office/drawing/2014/main" id="{1A269E9A-785D-4C49-83E4-60E823FB7EE0}"/>
                  </a:ext>
                </a:extLst>
              </p:cNvPr>
              <p:cNvSpPr/>
              <p:nvPr/>
            </p:nvSpPr>
            <p:spPr>
              <a:xfrm>
                <a:off x="1595603" y="4747518"/>
                <a:ext cx="0" cy="1074420"/>
              </a:xfrm>
              <a:custGeom>
                <a:avLst/>
                <a:gdLst>
                  <a:gd name="connsiteX0" fmla="*/ 0 w 0"/>
                  <a:gd name="connsiteY0" fmla="*/ 0 h 1074420"/>
                  <a:gd name="connsiteX1" fmla="*/ 0 w 0"/>
                  <a:gd name="connsiteY1" fmla="*/ 1074420 h 107442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1074420">
                    <a:moveTo>
                      <a:pt x="0" y="0"/>
                    </a:moveTo>
                    <a:lnTo>
                      <a:pt x="0" y="1074420"/>
                    </a:lnTo>
                  </a:path>
                </a:pathLst>
              </a:custGeom>
              <a:noFill/>
              <a:ln w="19050">
                <a:solidFill>
                  <a:srgbClr val="FF00FF"/>
                </a:solidFill>
                <a:prstDash val="dash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9" name="任意多边形: 形状 58">
                <a:extLst>
                  <a:ext uri="{FF2B5EF4-FFF2-40B4-BE49-F238E27FC236}">
                    <a16:creationId xmlns:a16="http://schemas.microsoft.com/office/drawing/2014/main" id="{9E72E5C4-7E75-4D15-A066-9EAD2D4B9C7A}"/>
                  </a:ext>
                </a:extLst>
              </p:cNvPr>
              <p:cNvSpPr/>
              <p:nvPr/>
            </p:nvSpPr>
            <p:spPr>
              <a:xfrm rot="5400000">
                <a:off x="1941268" y="5448558"/>
                <a:ext cx="0" cy="731520"/>
              </a:xfrm>
              <a:custGeom>
                <a:avLst/>
                <a:gdLst>
                  <a:gd name="connsiteX0" fmla="*/ 0 w 0"/>
                  <a:gd name="connsiteY0" fmla="*/ 0 h 1074420"/>
                  <a:gd name="connsiteX1" fmla="*/ 0 w 0"/>
                  <a:gd name="connsiteY1" fmla="*/ 1074420 h 107442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1074420">
                    <a:moveTo>
                      <a:pt x="0" y="0"/>
                    </a:moveTo>
                    <a:lnTo>
                      <a:pt x="0" y="1074420"/>
                    </a:lnTo>
                  </a:path>
                </a:pathLst>
              </a:custGeom>
              <a:noFill/>
              <a:ln w="19050">
                <a:solidFill>
                  <a:srgbClr val="FF00FF"/>
                </a:solidFill>
                <a:prstDash val="dash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0" name="任意多边形: 形状 59">
                <a:extLst>
                  <a:ext uri="{FF2B5EF4-FFF2-40B4-BE49-F238E27FC236}">
                    <a16:creationId xmlns:a16="http://schemas.microsoft.com/office/drawing/2014/main" id="{A7C89159-FF42-4F04-8C2E-7F108BEA1D75}"/>
                  </a:ext>
                </a:extLst>
              </p:cNvPr>
              <p:cNvSpPr/>
              <p:nvPr/>
            </p:nvSpPr>
            <p:spPr>
              <a:xfrm rot="2617673">
                <a:off x="1488466" y="5751780"/>
                <a:ext cx="0" cy="365760"/>
              </a:xfrm>
              <a:custGeom>
                <a:avLst/>
                <a:gdLst>
                  <a:gd name="connsiteX0" fmla="*/ 0 w 0"/>
                  <a:gd name="connsiteY0" fmla="*/ 0 h 1074420"/>
                  <a:gd name="connsiteX1" fmla="*/ 0 w 0"/>
                  <a:gd name="connsiteY1" fmla="*/ 1074420 h 107442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1074420">
                    <a:moveTo>
                      <a:pt x="0" y="0"/>
                    </a:moveTo>
                    <a:lnTo>
                      <a:pt x="0" y="1074420"/>
                    </a:lnTo>
                  </a:path>
                </a:pathLst>
              </a:custGeom>
              <a:noFill/>
              <a:ln w="19050">
                <a:solidFill>
                  <a:srgbClr val="FF00FF"/>
                </a:solidFill>
                <a:prstDash val="dash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</p:grpSp>
      <p:pic>
        <p:nvPicPr>
          <p:cNvPr id="62" name="图片 61">
            <a:extLst>
              <a:ext uri="{FF2B5EF4-FFF2-40B4-BE49-F238E27FC236}">
                <a16:creationId xmlns:a16="http://schemas.microsoft.com/office/drawing/2014/main" id="{D530663B-7EC9-4CC2-B76E-D6B88ED6E223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007398" y="1055713"/>
            <a:ext cx="6675120" cy="13334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244339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" grpId="0" animBg="1"/>
      <p:bldP spid="55" grpId="0" animBg="1"/>
      <p:bldP spid="170" grpId="0"/>
      <p:bldP spid="171" grpId="0"/>
      <p:bldP spid="172" grpId="0"/>
      <p:bldP spid="56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文本框 93">
            <a:extLst>
              <a:ext uri="{FF2B5EF4-FFF2-40B4-BE49-F238E27FC236}">
                <a16:creationId xmlns:a16="http://schemas.microsoft.com/office/drawing/2014/main" id="{FF96CD99-5A1A-4A52-BED6-38C662AA60E5}"/>
              </a:ext>
            </a:extLst>
          </p:cNvPr>
          <p:cNvSpPr txBox="1"/>
          <p:nvPr/>
        </p:nvSpPr>
        <p:spPr>
          <a:xfrm>
            <a:off x="677257" y="2419492"/>
            <a:ext cx="8466743" cy="13004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</a:pP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的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 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b) </a:t>
            </a: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用以上的材料製成一個長方體。在以下方格紙上畫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出這個長方體的摺紙圖樣。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6EBB4375-16D6-4D85-AFC5-29E7686693F9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7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86" name="矩形 85">
            <a:extLst>
              <a:ext uri="{FF2B5EF4-FFF2-40B4-BE49-F238E27FC236}">
                <a16:creationId xmlns:a16="http://schemas.microsoft.com/office/drawing/2014/main" id="{2B284B80-5344-4F17-9167-62ABE95EC064}"/>
              </a:ext>
            </a:extLst>
          </p:cNvPr>
          <p:cNvSpPr/>
          <p:nvPr/>
        </p:nvSpPr>
        <p:spPr>
          <a:xfrm>
            <a:off x="1283546" y="3637264"/>
            <a:ext cx="720000" cy="720000"/>
          </a:xfrm>
          <a:prstGeom prst="rect">
            <a:avLst/>
          </a:pr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7" name="矩形 86">
            <a:extLst>
              <a:ext uri="{FF2B5EF4-FFF2-40B4-BE49-F238E27FC236}">
                <a16:creationId xmlns:a16="http://schemas.microsoft.com/office/drawing/2014/main" id="{8811DA6E-BA6D-45DC-8B3B-EBC2C7F1B07D}"/>
              </a:ext>
            </a:extLst>
          </p:cNvPr>
          <p:cNvSpPr/>
          <p:nvPr/>
        </p:nvSpPr>
        <p:spPr>
          <a:xfrm>
            <a:off x="1283179" y="5421183"/>
            <a:ext cx="720000" cy="720000"/>
          </a:xfrm>
          <a:prstGeom prst="rect">
            <a:avLst/>
          </a:pr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8" name="矩形 87">
            <a:extLst>
              <a:ext uri="{FF2B5EF4-FFF2-40B4-BE49-F238E27FC236}">
                <a16:creationId xmlns:a16="http://schemas.microsoft.com/office/drawing/2014/main" id="{DEA4CC2F-E97F-4970-BF10-E715414FCBE8}"/>
              </a:ext>
            </a:extLst>
          </p:cNvPr>
          <p:cNvSpPr/>
          <p:nvPr/>
        </p:nvSpPr>
        <p:spPr>
          <a:xfrm rot="16200000">
            <a:off x="382273" y="4529223"/>
            <a:ext cx="1080000" cy="72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9" name="矩形 88">
            <a:extLst>
              <a:ext uri="{FF2B5EF4-FFF2-40B4-BE49-F238E27FC236}">
                <a16:creationId xmlns:a16="http://schemas.microsoft.com/office/drawing/2014/main" id="{BAD76AFF-9E39-4011-9D9F-3636CC6F0491}"/>
              </a:ext>
            </a:extLst>
          </p:cNvPr>
          <p:cNvSpPr/>
          <p:nvPr/>
        </p:nvSpPr>
        <p:spPr>
          <a:xfrm>
            <a:off x="1283179" y="4350978"/>
            <a:ext cx="720000" cy="1080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90" name="组合 89">
            <a:extLst>
              <a:ext uri="{FF2B5EF4-FFF2-40B4-BE49-F238E27FC236}">
                <a16:creationId xmlns:a16="http://schemas.microsoft.com/office/drawing/2014/main" id="{9E2FB2AC-D47D-4BC7-9F3F-C6E16AB77C5B}"/>
              </a:ext>
            </a:extLst>
          </p:cNvPr>
          <p:cNvGrpSpPr/>
          <p:nvPr/>
        </p:nvGrpSpPr>
        <p:grpSpPr>
          <a:xfrm>
            <a:off x="2001184" y="4350338"/>
            <a:ext cx="1436224" cy="1080001"/>
            <a:chOff x="6472301" y="2813269"/>
            <a:chExt cx="1436224" cy="1080001"/>
          </a:xfrm>
        </p:grpSpPr>
        <p:sp>
          <p:nvSpPr>
            <p:cNvPr id="91" name="矩形 90">
              <a:extLst>
                <a:ext uri="{FF2B5EF4-FFF2-40B4-BE49-F238E27FC236}">
                  <a16:creationId xmlns:a16="http://schemas.microsoft.com/office/drawing/2014/main" id="{9368D58D-4725-458C-86FD-67FB3EEF91DC}"/>
                </a:ext>
              </a:extLst>
            </p:cNvPr>
            <p:cNvSpPr/>
            <p:nvPr/>
          </p:nvSpPr>
          <p:spPr>
            <a:xfrm rot="16200000">
              <a:off x="6292301" y="2993270"/>
              <a:ext cx="1080000" cy="720000"/>
            </a:xfrm>
            <a:prstGeom prst="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92" name="矩形 91">
              <a:extLst>
                <a:ext uri="{FF2B5EF4-FFF2-40B4-BE49-F238E27FC236}">
                  <a16:creationId xmlns:a16="http://schemas.microsoft.com/office/drawing/2014/main" id="{DAC2EE91-DF32-4BCD-BE86-1B86729407AD}"/>
                </a:ext>
              </a:extLst>
            </p:cNvPr>
            <p:cNvSpPr/>
            <p:nvPr/>
          </p:nvSpPr>
          <p:spPr>
            <a:xfrm>
              <a:off x="7188525" y="2813269"/>
              <a:ext cx="720000" cy="1080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grpSp>
        <p:nvGrpSpPr>
          <p:cNvPr id="93" name="组合 92">
            <a:extLst>
              <a:ext uri="{FF2B5EF4-FFF2-40B4-BE49-F238E27FC236}">
                <a16:creationId xmlns:a16="http://schemas.microsoft.com/office/drawing/2014/main" id="{97F7DA57-F691-4274-BF3B-02752928A1B6}"/>
              </a:ext>
            </a:extLst>
          </p:cNvPr>
          <p:cNvGrpSpPr/>
          <p:nvPr/>
        </p:nvGrpSpPr>
        <p:grpSpPr>
          <a:xfrm>
            <a:off x="2004812" y="4351500"/>
            <a:ext cx="985352" cy="1652956"/>
            <a:chOff x="6621178" y="3003753"/>
            <a:chExt cx="985352" cy="1590635"/>
          </a:xfrm>
        </p:grpSpPr>
        <p:sp>
          <p:nvSpPr>
            <p:cNvPr id="95" name="矩形 66">
              <a:extLst>
                <a:ext uri="{FF2B5EF4-FFF2-40B4-BE49-F238E27FC236}">
                  <a16:creationId xmlns:a16="http://schemas.microsoft.com/office/drawing/2014/main" id="{1DDE2A6C-3FAD-4ED7-AFD2-B75E9CB684D5}"/>
                </a:ext>
              </a:extLst>
            </p:cNvPr>
            <p:cNvSpPr/>
            <p:nvPr/>
          </p:nvSpPr>
          <p:spPr>
            <a:xfrm>
              <a:off x="7028529" y="3209920"/>
              <a:ext cx="578001" cy="1384468"/>
            </a:xfrm>
            <a:custGeom>
              <a:avLst/>
              <a:gdLst>
                <a:gd name="connsiteX0" fmla="*/ 0 w 781200"/>
                <a:gd name="connsiteY0" fmla="*/ 0 h 1044000"/>
                <a:gd name="connsiteX1" fmla="*/ 781200 w 781200"/>
                <a:gd name="connsiteY1" fmla="*/ 0 h 1044000"/>
                <a:gd name="connsiteX2" fmla="*/ 781200 w 781200"/>
                <a:gd name="connsiteY2" fmla="*/ 1044000 h 1044000"/>
                <a:gd name="connsiteX3" fmla="*/ 0 w 781200"/>
                <a:gd name="connsiteY3" fmla="*/ 1044000 h 1044000"/>
                <a:gd name="connsiteX4" fmla="*/ 0 w 781200"/>
                <a:gd name="connsiteY4" fmla="*/ 0 h 1044000"/>
                <a:gd name="connsiteX0" fmla="*/ 0 w 781200"/>
                <a:gd name="connsiteY0" fmla="*/ 0 h 1545650"/>
                <a:gd name="connsiteX1" fmla="*/ 781200 w 781200"/>
                <a:gd name="connsiteY1" fmla="*/ 0 h 1545650"/>
                <a:gd name="connsiteX2" fmla="*/ 425600 w 781200"/>
                <a:gd name="connsiteY2" fmla="*/ 1545650 h 1545650"/>
                <a:gd name="connsiteX3" fmla="*/ 0 w 781200"/>
                <a:gd name="connsiteY3" fmla="*/ 1044000 h 1545650"/>
                <a:gd name="connsiteX4" fmla="*/ 0 w 781200"/>
                <a:gd name="connsiteY4" fmla="*/ 0 h 1545650"/>
                <a:gd name="connsiteX0" fmla="*/ 0 w 781200"/>
                <a:gd name="connsiteY0" fmla="*/ 0 h 1399600"/>
                <a:gd name="connsiteX1" fmla="*/ 781200 w 781200"/>
                <a:gd name="connsiteY1" fmla="*/ 0 h 1399600"/>
                <a:gd name="connsiteX2" fmla="*/ 584350 w 781200"/>
                <a:gd name="connsiteY2" fmla="*/ 1399600 h 1399600"/>
                <a:gd name="connsiteX3" fmla="*/ 0 w 781200"/>
                <a:gd name="connsiteY3" fmla="*/ 1044000 h 1399600"/>
                <a:gd name="connsiteX4" fmla="*/ 0 w 781200"/>
                <a:gd name="connsiteY4" fmla="*/ 0 h 1399600"/>
                <a:gd name="connsiteX0" fmla="*/ 0 w 762150"/>
                <a:gd name="connsiteY0" fmla="*/ 0 h 1399600"/>
                <a:gd name="connsiteX1" fmla="*/ 762150 w 762150"/>
                <a:gd name="connsiteY1" fmla="*/ 425450 h 1399600"/>
                <a:gd name="connsiteX2" fmla="*/ 584350 w 762150"/>
                <a:gd name="connsiteY2" fmla="*/ 1399600 h 1399600"/>
                <a:gd name="connsiteX3" fmla="*/ 0 w 762150"/>
                <a:gd name="connsiteY3" fmla="*/ 1044000 h 1399600"/>
                <a:gd name="connsiteX4" fmla="*/ 0 w 762150"/>
                <a:gd name="connsiteY4" fmla="*/ 0 h 1399600"/>
                <a:gd name="connsiteX0" fmla="*/ 0 w 616100"/>
                <a:gd name="connsiteY0" fmla="*/ 0 h 1399600"/>
                <a:gd name="connsiteX1" fmla="*/ 616100 w 616100"/>
                <a:gd name="connsiteY1" fmla="*/ 355600 h 1399600"/>
                <a:gd name="connsiteX2" fmla="*/ 584350 w 616100"/>
                <a:gd name="connsiteY2" fmla="*/ 1399600 h 1399600"/>
                <a:gd name="connsiteX3" fmla="*/ 0 w 616100"/>
                <a:gd name="connsiteY3" fmla="*/ 1044000 h 1399600"/>
                <a:gd name="connsiteX4" fmla="*/ 0 w 616100"/>
                <a:gd name="connsiteY4" fmla="*/ 0 h 1399600"/>
                <a:gd name="connsiteX0" fmla="*/ 0 w 616100"/>
                <a:gd name="connsiteY0" fmla="*/ 0 h 1399600"/>
                <a:gd name="connsiteX1" fmla="*/ 616100 w 616100"/>
                <a:gd name="connsiteY1" fmla="*/ 361950 h 1399600"/>
                <a:gd name="connsiteX2" fmla="*/ 584350 w 616100"/>
                <a:gd name="connsiteY2" fmla="*/ 1399600 h 1399600"/>
                <a:gd name="connsiteX3" fmla="*/ 0 w 616100"/>
                <a:gd name="connsiteY3" fmla="*/ 1044000 h 1399600"/>
                <a:gd name="connsiteX4" fmla="*/ 0 w 616100"/>
                <a:gd name="connsiteY4" fmla="*/ 0 h 1399600"/>
                <a:gd name="connsiteX0" fmla="*/ 0 w 628800"/>
                <a:gd name="connsiteY0" fmla="*/ 0 h 1399600"/>
                <a:gd name="connsiteX1" fmla="*/ 628800 w 628800"/>
                <a:gd name="connsiteY1" fmla="*/ 361950 h 1399600"/>
                <a:gd name="connsiteX2" fmla="*/ 584350 w 628800"/>
                <a:gd name="connsiteY2" fmla="*/ 1399600 h 1399600"/>
                <a:gd name="connsiteX3" fmla="*/ 0 w 628800"/>
                <a:gd name="connsiteY3" fmla="*/ 1044000 h 1399600"/>
                <a:gd name="connsiteX4" fmla="*/ 0 w 628800"/>
                <a:gd name="connsiteY4" fmla="*/ 0 h 1399600"/>
                <a:gd name="connsiteX0" fmla="*/ 0 w 647850"/>
                <a:gd name="connsiteY0" fmla="*/ 0 h 1399600"/>
                <a:gd name="connsiteX1" fmla="*/ 647850 w 647850"/>
                <a:gd name="connsiteY1" fmla="*/ 361950 h 1399600"/>
                <a:gd name="connsiteX2" fmla="*/ 584350 w 647850"/>
                <a:gd name="connsiteY2" fmla="*/ 1399600 h 1399600"/>
                <a:gd name="connsiteX3" fmla="*/ 0 w 647850"/>
                <a:gd name="connsiteY3" fmla="*/ 1044000 h 1399600"/>
                <a:gd name="connsiteX4" fmla="*/ 0 w 647850"/>
                <a:gd name="connsiteY4" fmla="*/ 0 h 1399600"/>
                <a:gd name="connsiteX0" fmla="*/ 0 w 609750"/>
                <a:gd name="connsiteY0" fmla="*/ 0 h 1399600"/>
                <a:gd name="connsiteX1" fmla="*/ 609750 w 609750"/>
                <a:gd name="connsiteY1" fmla="*/ 336550 h 1399600"/>
                <a:gd name="connsiteX2" fmla="*/ 584350 w 609750"/>
                <a:gd name="connsiteY2" fmla="*/ 1399600 h 1399600"/>
                <a:gd name="connsiteX3" fmla="*/ 0 w 609750"/>
                <a:gd name="connsiteY3" fmla="*/ 1044000 h 1399600"/>
                <a:gd name="connsiteX4" fmla="*/ 0 w 609750"/>
                <a:gd name="connsiteY4" fmla="*/ 0 h 1399600"/>
                <a:gd name="connsiteX0" fmla="*/ 0 w 597050"/>
                <a:gd name="connsiteY0" fmla="*/ 0 h 1399600"/>
                <a:gd name="connsiteX1" fmla="*/ 597050 w 597050"/>
                <a:gd name="connsiteY1" fmla="*/ 336550 h 1399600"/>
                <a:gd name="connsiteX2" fmla="*/ 584350 w 597050"/>
                <a:gd name="connsiteY2" fmla="*/ 1399600 h 1399600"/>
                <a:gd name="connsiteX3" fmla="*/ 0 w 597050"/>
                <a:gd name="connsiteY3" fmla="*/ 1044000 h 1399600"/>
                <a:gd name="connsiteX4" fmla="*/ 0 w 597050"/>
                <a:gd name="connsiteY4" fmla="*/ 0 h 1399600"/>
                <a:gd name="connsiteX0" fmla="*/ 0 w 590700"/>
                <a:gd name="connsiteY0" fmla="*/ 0 h 1399600"/>
                <a:gd name="connsiteX1" fmla="*/ 590700 w 590700"/>
                <a:gd name="connsiteY1" fmla="*/ 336550 h 1399600"/>
                <a:gd name="connsiteX2" fmla="*/ 584350 w 590700"/>
                <a:gd name="connsiteY2" fmla="*/ 1399600 h 1399600"/>
                <a:gd name="connsiteX3" fmla="*/ 0 w 590700"/>
                <a:gd name="connsiteY3" fmla="*/ 1044000 h 1399600"/>
                <a:gd name="connsiteX4" fmla="*/ 0 w 590700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3655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2385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99600"/>
                <a:gd name="connsiteX1" fmla="*/ 578000 w 584631"/>
                <a:gd name="connsiteY1" fmla="*/ 330200 h 1399600"/>
                <a:gd name="connsiteX2" fmla="*/ 584350 w 584631"/>
                <a:gd name="connsiteY2" fmla="*/ 1399600 h 1399600"/>
                <a:gd name="connsiteX3" fmla="*/ 0 w 584631"/>
                <a:gd name="connsiteY3" fmla="*/ 1044000 h 1399600"/>
                <a:gd name="connsiteX4" fmla="*/ 0 w 584631"/>
                <a:gd name="connsiteY4" fmla="*/ 0 h 1399600"/>
                <a:gd name="connsiteX0" fmla="*/ 0 w 584631"/>
                <a:gd name="connsiteY0" fmla="*/ 0 h 1386900"/>
                <a:gd name="connsiteX1" fmla="*/ 578000 w 584631"/>
                <a:gd name="connsiteY1" fmla="*/ 330200 h 1386900"/>
                <a:gd name="connsiteX2" fmla="*/ 584350 w 584631"/>
                <a:gd name="connsiteY2" fmla="*/ 1386900 h 1386900"/>
                <a:gd name="connsiteX3" fmla="*/ 0 w 584631"/>
                <a:gd name="connsiteY3" fmla="*/ 1044000 h 1386900"/>
                <a:gd name="connsiteX4" fmla="*/ 0 w 584631"/>
                <a:gd name="connsiteY4" fmla="*/ 0 h 1386900"/>
                <a:gd name="connsiteX0" fmla="*/ 0 w 591587"/>
                <a:gd name="connsiteY0" fmla="*/ 0 h 1397492"/>
                <a:gd name="connsiteX1" fmla="*/ 578000 w 591587"/>
                <a:gd name="connsiteY1" fmla="*/ 330200 h 1397492"/>
                <a:gd name="connsiteX2" fmla="*/ 591411 w 591587"/>
                <a:gd name="connsiteY2" fmla="*/ 1397492 h 1397492"/>
                <a:gd name="connsiteX3" fmla="*/ 0 w 591587"/>
                <a:gd name="connsiteY3" fmla="*/ 1044000 h 1397492"/>
                <a:gd name="connsiteX4" fmla="*/ 0 w 591587"/>
                <a:gd name="connsiteY4" fmla="*/ 0 h 1397492"/>
                <a:gd name="connsiteX0" fmla="*/ 0 w 578000"/>
                <a:gd name="connsiteY0" fmla="*/ 0 h 1379839"/>
                <a:gd name="connsiteX1" fmla="*/ 578000 w 578000"/>
                <a:gd name="connsiteY1" fmla="*/ 330200 h 1379839"/>
                <a:gd name="connsiteX2" fmla="*/ 577289 w 578000"/>
                <a:gd name="connsiteY2" fmla="*/ 1379839 h 1379839"/>
                <a:gd name="connsiteX3" fmla="*/ 0 w 578000"/>
                <a:gd name="connsiteY3" fmla="*/ 1044000 h 1379839"/>
                <a:gd name="connsiteX4" fmla="*/ 0 w 578000"/>
                <a:gd name="connsiteY4" fmla="*/ 0 h 1379839"/>
                <a:gd name="connsiteX0" fmla="*/ 0 w 577690"/>
                <a:gd name="connsiteY0" fmla="*/ 0 h 1379839"/>
                <a:gd name="connsiteX1" fmla="*/ 574470 w 577690"/>
                <a:gd name="connsiteY1" fmla="*/ 330200 h 1379839"/>
                <a:gd name="connsiteX2" fmla="*/ 577289 w 577690"/>
                <a:gd name="connsiteY2" fmla="*/ 1379839 h 1379839"/>
                <a:gd name="connsiteX3" fmla="*/ 0 w 577690"/>
                <a:gd name="connsiteY3" fmla="*/ 1044000 h 1379839"/>
                <a:gd name="connsiteX4" fmla="*/ 0 w 577690"/>
                <a:gd name="connsiteY4" fmla="*/ 0 h 1379839"/>
                <a:gd name="connsiteX0" fmla="*/ 0 w 578001"/>
                <a:gd name="connsiteY0" fmla="*/ 0 h 1379839"/>
                <a:gd name="connsiteX1" fmla="*/ 578001 w 578001"/>
                <a:gd name="connsiteY1" fmla="*/ 330200 h 1379839"/>
                <a:gd name="connsiteX2" fmla="*/ 577289 w 578001"/>
                <a:gd name="connsiteY2" fmla="*/ 1379839 h 1379839"/>
                <a:gd name="connsiteX3" fmla="*/ 0 w 578001"/>
                <a:gd name="connsiteY3" fmla="*/ 1044000 h 1379839"/>
                <a:gd name="connsiteX4" fmla="*/ 0 w 578001"/>
                <a:gd name="connsiteY4" fmla="*/ 0 h 1379839"/>
                <a:gd name="connsiteX0" fmla="*/ 0 w 578001"/>
                <a:gd name="connsiteY0" fmla="*/ 0 h 1379839"/>
                <a:gd name="connsiteX1" fmla="*/ 578001 w 578001"/>
                <a:gd name="connsiteY1" fmla="*/ 330200 h 1379839"/>
                <a:gd name="connsiteX2" fmla="*/ 577289 w 578001"/>
                <a:gd name="connsiteY2" fmla="*/ 1379839 h 1379839"/>
                <a:gd name="connsiteX3" fmla="*/ 0 w 578001"/>
                <a:gd name="connsiteY3" fmla="*/ 1049298 h 1379839"/>
                <a:gd name="connsiteX4" fmla="*/ 0 w 578001"/>
                <a:gd name="connsiteY4" fmla="*/ 0 h 137983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78001" h="1379839">
                  <a:moveTo>
                    <a:pt x="0" y="0"/>
                  </a:moveTo>
                  <a:lnTo>
                    <a:pt x="578001" y="330200"/>
                  </a:lnTo>
                  <a:cubicBezTo>
                    <a:pt x="575884" y="684550"/>
                    <a:pt x="579406" y="1025489"/>
                    <a:pt x="577289" y="1379839"/>
                  </a:cubicBezTo>
                  <a:lnTo>
                    <a:pt x="0" y="1049298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96" name="矩形 55">
              <a:extLst>
                <a:ext uri="{FF2B5EF4-FFF2-40B4-BE49-F238E27FC236}">
                  <a16:creationId xmlns:a16="http://schemas.microsoft.com/office/drawing/2014/main" id="{24E90AD5-2CF8-420E-B794-353AE2489749}"/>
                </a:ext>
              </a:extLst>
            </p:cNvPr>
            <p:cNvSpPr/>
            <p:nvPr/>
          </p:nvSpPr>
          <p:spPr>
            <a:xfrm rot="16200000">
              <a:off x="6196101" y="3428830"/>
              <a:ext cx="1262786" cy="412632"/>
            </a:xfrm>
            <a:custGeom>
              <a:avLst/>
              <a:gdLst>
                <a:gd name="connsiteX0" fmla="*/ 0 w 1044000"/>
                <a:gd name="connsiteY0" fmla="*/ 0 h 514800"/>
                <a:gd name="connsiteX1" fmla="*/ 1044000 w 1044000"/>
                <a:gd name="connsiteY1" fmla="*/ 0 h 514800"/>
                <a:gd name="connsiteX2" fmla="*/ 1044000 w 1044000"/>
                <a:gd name="connsiteY2" fmla="*/ 514800 h 514800"/>
                <a:gd name="connsiteX3" fmla="*/ 0 w 1044000"/>
                <a:gd name="connsiteY3" fmla="*/ 514800 h 514800"/>
                <a:gd name="connsiteX4" fmla="*/ 0 w 1044000"/>
                <a:gd name="connsiteY4" fmla="*/ 0 h 514800"/>
                <a:gd name="connsiteX0" fmla="*/ 280219 w 1324219"/>
                <a:gd name="connsiteY0" fmla="*/ 266864 h 781664"/>
                <a:gd name="connsiteX1" fmla="*/ 1324219 w 1324219"/>
                <a:gd name="connsiteY1" fmla="*/ 266864 h 781664"/>
                <a:gd name="connsiteX2" fmla="*/ 1324219 w 1324219"/>
                <a:gd name="connsiteY2" fmla="*/ 781664 h 781664"/>
                <a:gd name="connsiteX3" fmla="*/ 0 w 1324219"/>
                <a:gd name="connsiteY3" fmla="*/ 0 h 781664"/>
                <a:gd name="connsiteX4" fmla="*/ 280219 w 1324219"/>
                <a:gd name="connsiteY4" fmla="*/ 266864 h 7816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77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80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29252 w 1324219"/>
                <a:gd name="connsiteY2" fmla="*/ 9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44000 w 1324219"/>
                <a:gd name="connsiteY2" fmla="*/ 1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595015"/>
                <a:gd name="connsiteX1" fmla="*/ 1324219 w 1324219"/>
                <a:gd name="connsiteY1" fmla="*/ 266864 h 595015"/>
                <a:gd name="connsiteX2" fmla="*/ 1152872 w 1324219"/>
                <a:gd name="connsiteY2" fmla="*/ 595015 h 595015"/>
                <a:gd name="connsiteX3" fmla="*/ 0 w 1324219"/>
                <a:gd name="connsiteY3" fmla="*/ 0 h 595015"/>
                <a:gd name="connsiteX4" fmla="*/ 280219 w 1324219"/>
                <a:gd name="connsiteY4" fmla="*/ 266864 h 595015"/>
                <a:gd name="connsiteX0" fmla="*/ 62475 w 1106475"/>
                <a:gd name="connsiteY0" fmla="*/ 0 h 360473"/>
                <a:gd name="connsiteX1" fmla="*/ 1106475 w 1106475"/>
                <a:gd name="connsiteY1" fmla="*/ 0 h 360473"/>
                <a:gd name="connsiteX2" fmla="*/ 935128 w 1106475"/>
                <a:gd name="connsiteY2" fmla="*/ 328151 h 360473"/>
                <a:gd name="connsiteX3" fmla="*/ 0 w 1106475"/>
                <a:gd name="connsiteY3" fmla="*/ 360473 h 360473"/>
                <a:gd name="connsiteX4" fmla="*/ 62475 w 1106475"/>
                <a:gd name="connsiteY4" fmla="*/ 0 h 360473"/>
                <a:gd name="connsiteX0" fmla="*/ 177751 w 1221751"/>
                <a:gd name="connsiteY0" fmla="*/ 0 h 366943"/>
                <a:gd name="connsiteX1" fmla="*/ 1221751 w 1221751"/>
                <a:gd name="connsiteY1" fmla="*/ 0 h 366943"/>
                <a:gd name="connsiteX2" fmla="*/ 1050404 w 1221751"/>
                <a:gd name="connsiteY2" fmla="*/ 328151 h 366943"/>
                <a:gd name="connsiteX3" fmla="*/ 0 w 1221751"/>
                <a:gd name="connsiteY3" fmla="*/ 366943 h 366943"/>
                <a:gd name="connsiteX4" fmla="*/ 177751 w 1221751"/>
                <a:gd name="connsiteY4" fmla="*/ 0 h 366943"/>
                <a:gd name="connsiteX0" fmla="*/ 177751 w 1221751"/>
                <a:gd name="connsiteY0" fmla="*/ 0 h 341073"/>
                <a:gd name="connsiteX1" fmla="*/ 1221751 w 1221751"/>
                <a:gd name="connsiteY1" fmla="*/ 0 h 341073"/>
                <a:gd name="connsiteX2" fmla="*/ 1050404 w 1221751"/>
                <a:gd name="connsiteY2" fmla="*/ 328151 h 341073"/>
                <a:gd name="connsiteX3" fmla="*/ 0 w 1221751"/>
                <a:gd name="connsiteY3" fmla="*/ 341073 h 341073"/>
                <a:gd name="connsiteX4" fmla="*/ 177751 w 1221751"/>
                <a:gd name="connsiteY4" fmla="*/ 0 h 341073"/>
                <a:gd name="connsiteX0" fmla="*/ 184155 w 1228155"/>
                <a:gd name="connsiteY0" fmla="*/ 0 h 334606"/>
                <a:gd name="connsiteX1" fmla="*/ 1228155 w 1228155"/>
                <a:gd name="connsiteY1" fmla="*/ 0 h 334606"/>
                <a:gd name="connsiteX2" fmla="*/ 1056808 w 1228155"/>
                <a:gd name="connsiteY2" fmla="*/ 328151 h 334606"/>
                <a:gd name="connsiteX3" fmla="*/ 0 w 1228155"/>
                <a:gd name="connsiteY3" fmla="*/ 334606 h 334606"/>
                <a:gd name="connsiteX4" fmla="*/ 184155 w 1228155"/>
                <a:gd name="connsiteY4" fmla="*/ 0 h 334606"/>
                <a:gd name="connsiteX0" fmla="*/ 190559 w 1234559"/>
                <a:gd name="connsiteY0" fmla="*/ 0 h 328151"/>
                <a:gd name="connsiteX1" fmla="*/ 1234559 w 1234559"/>
                <a:gd name="connsiteY1" fmla="*/ 0 h 328151"/>
                <a:gd name="connsiteX2" fmla="*/ 1063212 w 1234559"/>
                <a:gd name="connsiteY2" fmla="*/ 328151 h 328151"/>
                <a:gd name="connsiteX3" fmla="*/ 0 w 1234559"/>
                <a:gd name="connsiteY3" fmla="*/ 328139 h 328151"/>
                <a:gd name="connsiteX4" fmla="*/ 190559 w 1234559"/>
                <a:gd name="connsiteY4" fmla="*/ 0 h 328151"/>
                <a:gd name="connsiteX0" fmla="*/ 190559 w 1234559"/>
                <a:gd name="connsiteY0" fmla="*/ 0 h 420260"/>
                <a:gd name="connsiteX1" fmla="*/ 1234559 w 1234559"/>
                <a:gd name="connsiteY1" fmla="*/ 0 h 420260"/>
                <a:gd name="connsiteX2" fmla="*/ 1029079 w 1234559"/>
                <a:gd name="connsiteY2" fmla="*/ 420260 h 420260"/>
                <a:gd name="connsiteX3" fmla="*/ 0 w 1234559"/>
                <a:gd name="connsiteY3" fmla="*/ 328139 h 420260"/>
                <a:gd name="connsiteX4" fmla="*/ 190559 w 1234559"/>
                <a:gd name="connsiteY4" fmla="*/ 0 h 420260"/>
                <a:gd name="connsiteX0" fmla="*/ 229568 w 1273568"/>
                <a:gd name="connsiteY0" fmla="*/ 0 h 420260"/>
                <a:gd name="connsiteX1" fmla="*/ 1273568 w 1273568"/>
                <a:gd name="connsiteY1" fmla="*/ 0 h 420260"/>
                <a:gd name="connsiteX2" fmla="*/ 1068088 w 1273568"/>
                <a:gd name="connsiteY2" fmla="*/ 420260 h 420260"/>
                <a:gd name="connsiteX3" fmla="*/ 0 w 1273568"/>
                <a:gd name="connsiteY3" fmla="*/ 420246 h 420260"/>
                <a:gd name="connsiteX4" fmla="*/ 229568 w 1273568"/>
                <a:gd name="connsiteY4" fmla="*/ 0 h 4202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273568" h="420260">
                  <a:moveTo>
                    <a:pt x="229568" y="0"/>
                  </a:moveTo>
                  <a:lnTo>
                    <a:pt x="1273568" y="0"/>
                  </a:lnTo>
                  <a:lnTo>
                    <a:pt x="1068088" y="420260"/>
                  </a:lnTo>
                  <a:lnTo>
                    <a:pt x="0" y="420246"/>
                  </a:lnTo>
                  <a:lnTo>
                    <a:pt x="229568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grpSp>
        <p:nvGrpSpPr>
          <p:cNvPr id="97" name="组合 96">
            <a:extLst>
              <a:ext uri="{FF2B5EF4-FFF2-40B4-BE49-F238E27FC236}">
                <a16:creationId xmlns:a16="http://schemas.microsoft.com/office/drawing/2014/main" id="{18B6C2F5-3763-4DD6-9E0F-566D120E2BEF}"/>
              </a:ext>
            </a:extLst>
          </p:cNvPr>
          <p:cNvGrpSpPr/>
          <p:nvPr/>
        </p:nvGrpSpPr>
        <p:grpSpPr>
          <a:xfrm>
            <a:off x="2000272" y="4352242"/>
            <a:ext cx="392933" cy="1987290"/>
            <a:chOff x="6621176" y="3003754"/>
            <a:chExt cx="392933" cy="1924103"/>
          </a:xfrm>
        </p:grpSpPr>
        <p:sp>
          <p:nvSpPr>
            <p:cNvPr id="98" name="矩形 83">
              <a:extLst>
                <a:ext uri="{FF2B5EF4-FFF2-40B4-BE49-F238E27FC236}">
                  <a16:creationId xmlns:a16="http://schemas.microsoft.com/office/drawing/2014/main" id="{433F8A32-0112-4935-A655-2FB1F45542F5}"/>
                </a:ext>
              </a:extLst>
            </p:cNvPr>
            <p:cNvSpPr/>
            <p:nvPr/>
          </p:nvSpPr>
          <p:spPr>
            <a:xfrm>
              <a:off x="6762499" y="3285687"/>
              <a:ext cx="251610" cy="1642170"/>
            </a:xfrm>
            <a:custGeom>
              <a:avLst/>
              <a:gdLst>
                <a:gd name="connsiteX0" fmla="*/ 0 w 781200"/>
                <a:gd name="connsiteY0" fmla="*/ 0 h 1044000"/>
                <a:gd name="connsiteX1" fmla="*/ 781200 w 781200"/>
                <a:gd name="connsiteY1" fmla="*/ 0 h 1044000"/>
                <a:gd name="connsiteX2" fmla="*/ 781200 w 781200"/>
                <a:gd name="connsiteY2" fmla="*/ 1044000 h 1044000"/>
                <a:gd name="connsiteX3" fmla="*/ 0 w 781200"/>
                <a:gd name="connsiteY3" fmla="*/ 1044000 h 1044000"/>
                <a:gd name="connsiteX4" fmla="*/ 0 w 781200"/>
                <a:gd name="connsiteY4" fmla="*/ 0 h 1044000"/>
                <a:gd name="connsiteX0" fmla="*/ 0 w 781200"/>
                <a:gd name="connsiteY0" fmla="*/ 0 h 1642170"/>
                <a:gd name="connsiteX1" fmla="*/ 781200 w 781200"/>
                <a:gd name="connsiteY1" fmla="*/ 0 h 1642170"/>
                <a:gd name="connsiteX2" fmla="*/ 251610 w 781200"/>
                <a:gd name="connsiteY2" fmla="*/ 1642170 h 1642170"/>
                <a:gd name="connsiteX3" fmla="*/ 0 w 781200"/>
                <a:gd name="connsiteY3" fmla="*/ 1044000 h 1642170"/>
                <a:gd name="connsiteX4" fmla="*/ 0 w 781200"/>
                <a:gd name="connsiteY4" fmla="*/ 0 h 1642170"/>
                <a:gd name="connsiteX0" fmla="*/ 0 w 263040"/>
                <a:gd name="connsiteY0" fmla="*/ 0 h 1642170"/>
                <a:gd name="connsiteX1" fmla="*/ 263040 w 263040"/>
                <a:gd name="connsiteY1" fmla="*/ 617220 h 1642170"/>
                <a:gd name="connsiteX2" fmla="*/ 251610 w 263040"/>
                <a:gd name="connsiteY2" fmla="*/ 1642170 h 1642170"/>
                <a:gd name="connsiteX3" fmla="*/ 0 w 263040"/>
                <a:gd name="connsiteY3" fmla="*/ 1044000 h 1642170"/>
                <a:gd name="connsiteX4" fmla="*/ 0 w 263040"/>
                <a:gd name="connsiteY4" fmla="*/ 0 h 1642170"/>
                <a:gd name="connsiteX0" fmla="*/ 0 w 259230"/>
                <a:gd name="connsiteY0" fmla="*/ 0 h 1642170"/>
                <a:gd name="connsiteX1" fmla="*/ 259230 w 259230"/>
                <a:gd name="connsiteY1" fmla="*/ 621030 h 1642170"/>
                <a:gd name="connsiteX2" fmla="*/ 251610 w 259230"/>
                <a:gd name="connsiteY2" fmla="*/ 1642170 h 1642170"/>
                <a:gd name="connsiteX3" fmla="*/ 0 w 259230"/>
                <a:gd name="connsiteY3" fmla="*/ 1044000 h 1642170"/>
                <a:gd name="connsiteX4" fmla="*/ 0 w 259230"/>
                <a:gd name="connsiteY4" fmla="*/ 0 h 1642170"/>
                <a:gd name="connsiteX0" fmla="*/ 0 w 251610"/>
                <a:gd name="connsiteY0" fmla="*/ 0 h 1642170"/>
                <a:gd name="connsiteX1" fmla="*/ 247800 w 251610"/>
                <a:gd name="connsiteY1" fmla="*/ 621030 h 1642170"/>
                <a:gd name="connsiteX2" fmla="*/ 251610 w 251610"/>
                <a:gd name="connsiteY2" fmla="*/ 1642170 h 1642170"/>
                <a:gd name="connsiteX3" fmla="*/ 0 w 251610"/>
                <a:gd name="connsiteY3" fmla="*/ 1044000 h 1642170"/>
                <a:gd name="connsiteX4" fmla="*/ 0 w 251610"/>
                <a:gd name="connsiteY4" fmla="*/ 0 h 1642170"/>
                <a:gd name="connsiteX0" fmla="*/ 0 w 251610"/>
                <a:gd name="connsiteY0" fmla="*/ 0 h 1642170"/>
                <a:gd name="connsiteX1" fmla="*/ 251610 w 251610"/>
                <a:gd name="connsiteY1" fmla="*/ 617220 h 1642170"/>
                <a:gd name="connsiteX2" fmla="*/ 251610 w 251610"/>
                <a:gd name="connsiteY2" fmla="*/ 1642170 h 1642170"/>
                <a:gd name="connsiteX3" fmla="*/ 0 w 251610"/>
                <a:gd name="connsiteY3" fmla="*/ 1044000 h 1642170"/>
                <a:gd name="connsiteX4" fmla="*/ 0 w 251610"/>
                <a:gd name="connsiteY4" fmla="*/ 0 h 16421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51610" h="1642170">
                  <a:moveTo>
                    <a:pt x="0" y="0"/>
                  </a:moveTo>
                  <a:lnTo>
                    <a:pt x="251610" y="617220"/>
                  </a:lnTo>
                  <a:lnTo>
                    <a:pt x="251610" y="1642170"/>
                  </a:lnTo>
                  <a:lnTo>
                    <a:pt x="0" y="1044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99" name="矩形 55">
              <a:extLst>
                <a:ext uri="{FF2B5EF4-FFF2-40B4-BE49-F238E27FC236}">
                  <a16:creationId xmlns:a16="http://schemas.microsoft.com/office/drawing/2014/main" id="{61E59C3E-C2F1-4893-A5F5-CB76DF503ED3}"/>
                </a:ext>
              </a:extLst>
            </p:cNvPr>
            <p:cNvSpPr/>
            <p:nvPr/>
          </p:nvSpPr>
          <p:spPr>
            <a:xfrm rot="16200000">
              <a:off x="6023597" y="3601333"/>
              <a:ext cx="1339741" cy="144584"/>
            </a:xfrm>
            <a:custGeom>
              <a:avLst/>
              <a:gdLst>
                <a:gd name="connsiteX0" fmla="*/ 0 w 1044000"/>
                <a:gd name="connsiteY0" fmla="*/ 0 h 514800"/>
                <a:gd name="connsiteX1" fmla="*/ 1044000 w 1044000"/>
                <a:gd name="connsiteY1" fmla="*/ 0 h 514800"/>
                <a:gd name="connsiteX2" fmla="*/ 1044000 w 1044000"/>
                <a:gd name="connsiteY2" fmla="*/ 514800 h 514800"/>
                <a:gd name="connsiteX3" fmla="*/ 0 w 1044000"/>
                <a:gd name="connsiteY3" fmla="*/ 514800 h 514800"/>
                <a:gd name="connsiteX4" fmla="*/ 0 w 1044000"/>
                <a:gd name="connsiteY4" fmla="*/ 0 h 514800"/>
                <a:gd name="connsiteX0" fmla="*/ 280219 w 1324219"/>
                <a:gd name="connsiteY0" fmla="*/ 266864 h 781664"/>
                <a:gd name="connsiteX1" fmla="*/ 1324219 w 1324219"/>
                <a:gd name="connsiteY1" fmla="*/ 266864 h 781664"/>
                <a:gd name="connsiteX2" fmla="*/ 1324219 w 1324219"/>
                <a:gd name="connsiteY2" fmla="*/ 781664 h 781664"/>
                <a:gd name="connsiteX3" fmla="*/ 0 w 1324219"/>
                <a:gd name="connsiteY3" fmla="*/ 0 h 781664"/>
                <a:gd name="connsiteX4" fmla="*/ 280219 w 1324219"/>
                <a:gd name="connsiteY4" fmla="*/ 266864 h 7816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77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80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29252 w 1324219"/>
                <a:gd name="connsiteY2" fmla="*/ 9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44000 w 1324219"/>
                <a:gd name="connsiteY2" fmla="*/ 1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357375"/>
                <a:gd name="connsiteX1" fmla="*/ 1324219 w 1324219"/>
                <a:gd name="connsiteY1" fmla="*/ 266864 h 357375"/>
                <a:gd name="connsiteX2" fmla="*/ 1033277 w 1324219"/>
                <a:gd name="connsiteY2" fmla="*/ 357375 h 357375"/>
                <a:gd name="connsiteX3" fmla="*/ 0 w 1324219"/>
                <a:gd name="connsiteY3" fmla="*/ 0 h 357375"/>
                <a:gd name="connsiteX4" fmla="*/ 280219 w 1324219"/>
                <a:gd name="connsiteY4" fmla="*/ 266864 h 357375"/>
                <a:gd name="connsiteX0" fmla="*/ 296305 w 1340305"/>
                <a:gd name="connsiteY0" fmla="*/ 0 h 95914"/>
                <a:gd name="connsiteX1" fmla="*/ 1340305 w 1340305"/>
                <a:gd name="connsiteY1" fmla="*/ 0 h 95914"/>
                <a:gd name="connsiteX2" fmla="*/ 1049363 w 1340305"/>
                <a:gd name="connsiteY2" fmla="*/ 90511 h 95914"/>
                <a:gd name="connsiteX3" fmla="*/ 0 w 1340305"/>
                <a:gd name="connsiteY3" fmla="*/ 95914 h 95914"/>
                <a:gd name="connsiteX4" fmla="*/ 296305 w 1340305"/>
                <a:gd name="connsiteY4" fmla="*/ 0 h 95914"/>
                <a:gd name="connsiteX0" fmla="*/ 296305 w 1340305"/>
                <a:gd name="connsiteY0" fmla="*/ 0 h 106755"/>
                <a:gd name="connsiteX1" fmla="*/ 1340305 w 1340305"/>
                <a:gd name="connsiteY1" fmla="*/ 0 h 106755"/>
                <a:gd name="connsiteX2" fmla="*/ 1049363 w 1340305"/>
                <a:gd name="connsiteY2" fmla="*/ 106755 h 106755"/>
                <a:gd name="connsiteX3" fmla="*/ 0 w 1340305"/>
                <a:gd name="connsiteY3" fmla="*/ 95914 h 106755"/>
                <a:gd name="connsiteX4" fmla="*/ 296305 w 1340305"/>
                <a:gd name="connsiteY4" fmla="*/ 0 h 106755"/>
                <a:gd name="connsiteX0" fmla="*/ 296305 w 1340305"/>
                <a:gd name="connsiteY0" fmla="*/ 0 h 106755"/>
                <a:gd name="connsiteX1" fmla="*/ 1340305 w 1340305"/>
                <a:gd name="connsiteY1" fmla="*/ 0 h 106755"/>
                <a:gd name="connsiteX2" fmla="*/ 1049363 w 1340305"/>
                <a:gd name="connsiteY2" fmla="*/ 106755 h 106755"/>
                <a:gd name="connsiteX3" fmla="*/ 0 w 1340305"/>
                <a:gd name="connsiteY3" fmla="*/ 95914 h 106755"/>
                <a:gd name="connsiteX4" fmla="*/ 296305 w 1340305"/>
                <a:gd name="connsiteY4" fmla="*/ 0 h 106755"/>
                <a:gd name="connsiteX0" fmla="*/ 296305 w 1340305"/>
                <a:gd name="connsiteY0" fmla="*/ 0 h 114516"/>
                <a:gd name="connsiteX1" fmla="*/ 1340305 w 1340305"/>
                <a:gd name="connsiteY1" fmla="*/ 0 h 114516"/>
                <a:gd name="connsiteX2" fmla="*/ 1057048 w 1340305"/>
                <a:gd name="connsiteY2" fmla="*/ 114516 h 114516"/>
                <a:gd name="connsiteX3" fmla="*/ 0 w 1340305"/>
                <a:gd name="connsiteY3" fmla="*/ 95914 h 114516"/>
                <a:gd name="connsiteX4" fmla="*/ 296305 w 1340305"/>
                <a:gd name="connsiteY4" fmla="*/ 0 h 114516"/>
                <a:gd name="connsiteX0" fmla="*/ 300148 w 1344148"/>
                <a:gd name="connsiteY0" fmla="*/ 0 h 119197"/>
                <a:gd name="connsiteX1" fmla="*/ 1344148 w 1344148"/>
                <a:gd name="connsiteY1" fmla="*/ 0 h 119197"/>
                <a:gd name="connsiteX2" fmla="*/ 1060891 w 1344148"/>
                <a:gd name="connsiteY2" fmla="*/ 114516 h 119197"/>
                <a:gd name="connsiteX3" fmla="*/ 0 w 1344148"/>
                <a:gd name="connsiteY3" fmla="*/ 119197 h 119197"/>
                <a:gd name="connsiteX4" fmla="*/ 300148 w 1344148"/>
                <a:gd name="connsiteY4" fmla="*/ 0 h 119197"/>
                <a:gd name="connsiteX0" fmla="*/ 307833 w 1351833"/>
                <a:gd name="connsiteY0" fmla="*/ 0 h 114516"/>
                <a:gd name="connsiteX1" fmla="*/ 1351833 w 1351833"/>
                <a:gd name="connsiteY1" fmla="*/ 0 h 114516"/>
                <a:gd name="connsiteX2" fmla="*/ 1068576 w 1351833"/>
                <a:gd name="connsiteY2" fmla="*/ 114516 h 114516"/>
                <a:gd name="connsiteX3" fmla="*/ 0 w 1351833"/>
                <a:gd name="connsiteY3" fmla="*/ 107556 h 114516"/>
                <a:gd name="connsiteX4" fmla="*/ 307833 w 1351833"/>
                <a:gd name="connsiteY4" fmla="*/ 0 h 114516"/>
                <a:gd name="connsiteX0" fmla="*/ 300148 w 1344148"/>
                <a:gd name="connsiteY0" fmla="*/ 0 h 114516"/>
                <a:gd name="connsiteX1" fmla="*/ 1344148 w 1344148"/>
                <a:gd name="connsiteY1" fmla="*/ 0 h 114516"/>
                <a:gd name="connsiteX2" fmla="*/ 1060891 w 1344148"/>
                <a:gd name="connsiteY2" fmla="*/ 114516 h 114516"/>
                <a:gd name="connsiteX3" fmla="*/ 0 w 1344148"/>
                <a:gd name="connsiteY3" fmla="*/ 111436 h 114516"/>
                <a:gd name="connsiteX4" fmla="*/ 300148 w 1344148"/>
                <a:gd name="connsiteY4" fmla="*/ 0 h 114516"/>
                <a:gd name="connsiteX0" fmla="*/ 292463 w 1336463"/>
                <a:gd name="connsiteY0" fmla="*/ 0 h 114516"/>
                <a:gd name="connsiteX1" fmla="*/ 1336463 w 1336463"/>
                <a:gd name="connsiteY1" fmla="*/ 0 h 114516"/>
                <a:gd name="connsiteX2" fmla="*/ 1053206 w 1336463"/>
                <a:gd name="connsiteY2" fmla="*/ 114516 h 114516"/>
                <a:gd name="connsiteX3" fmla="*/ 0 w 1336463"/>
                <a:gd name="connsiteY3" fmla="*/ 111436 h 114516"/>
                <a:gd name="connsiteX4" fmla="*/ 292463 w 1336463"/>
                <a:gd name="connsiteY4" fmla="*/ 0 h 114516"/>
                <a:gd name="connsiteX0" fmla="*/ 292463 w 1336463"/>
                <a:gd name="connsiteY0" fmla="*/ 0 h 145221"/>
                <a:gd name="connsiteX1" fmla="*/ 1336463 w 1336463"/>
                <a:gd name="connsiteY1" fmla="*/ 0 h 145221"/>
                <a:gd name="connsiteX2" fmla="*/ 1048300 w 1336463"/>
                <a:gd name="connsiteY2" fmla="*/ 145221 h 145221"/>
                <a:gd name="connsiteX3" fmla="*/ 0 w 1336463"/>
                <a:gd name="connsiteY3" fmla="*/ 111436 h 145221"/>
                <a:gd name="connsiteX4" fmla="*/ 292463 w 1336463"/>
                <a:gd name="connsiteY4" fmla="*/ 0 h 145221"/>
                <a:gd name="connsiteX0" fmla="*/ 307181 w 1351181"/>
                <a:gd name="connsiteY0" fmla="*/ 0 h 147257"/>
                <a:gd name="connsiteX1" fmla="*/ 1351181 w 1351181"/>
                <a:gd name="connsiteY1" fmla="*/ 0 h 147257"/>
                <a:gd name="connsiteX2" fmla="*/ 1063018 w 1351181"/>
                <a:gd name="connsiteY2" fmla="*/ 145221 h 147257"/>
                <a:gd name="connsiteX3" fmla="*/ 0 w 1351181"/>
                <a:gd name="connsiteY3" fmla="*/ 147257 h 147257"/>
                <a:gd name="connsiteX4" fmla="*/ 307181 w 1351181"/>
                <a:gd name="connsiteY4" fmla="*/ 0 h 1472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1181" h="147257">
                  <a:moveTo>
                    <a:pt x="307181" y="0"/>
                  </a:moveTo>
                  <a:lnTo>
                    <a:pt x="1351181" y="0"/>
                  </a:lnTo>
                  <a:lnTo>
                    <a:pt x="1063018" y="145221"/>
                  </a:lnTo>
                  <a:lnTo>
                    <a:pt x="0" y="147257"/>
                  </a:lnTo>
                  <a:lnTo>
                    <a:pt x="307181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100" name="矩形 90">
            <a:extLst>
              <a:ext uri="{FF2B5EF4-FFF2-40B4-BE49-F238E27FC236}">
                <a16:creationId xmlns:a16="http://schemas.microsoft.com/office/drawing/2014/main" id="{5D27FD1F-F929-4734-AB21-3D910B0C9924}"/>
              </a:ext>
            </a:extLst>
          </p:cNvPr>
          <p:cNvSpPr/>
          <p:nvPr/>
        </p:nvSpPr>
        <p:spPr>
          <a:xfrm rot="16200000">
            <a:off x="378655" y="4737701"/>
            <a:ext cx="1284631" cy="523757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0 w 1160006"/>
              <a:gd name="connsiteY0" fmla="*/ 61415 h 514800"/>
              <a:gd name="connsiteX1" fmla="*/ 1160006 w 1160006"/>
              <a:gd name="connsiteY1" fmla="*/ 0 h 514800"/>
              <a:gd name="connsiteX2" fmla="*/ 1160006 w 1160006"/>
              <a:gd name="connsiteY2" fmla="*/ 514800 h 514800"/>
              <a:gd name="connsiteX3" fmla="*/ 116006 w 1160006"/>
              <a:gd name="connsiteY3" fmla="*/ 514800 h 514800"/>
              <a:gd name="connsiteX4" fmla="*/ 0 w 1160006"/>
              <a:gd name="connsiteY4" fmla="*/ 61415 h 514800"/>
              <a:gd name="connsiteX0" fmla="*/ 0 w 1173653"/>
              <a:gd name="connsiteY0" fmla="*/ 75063 h 514800"/>
              <a:gd name="connsiteX1" fmla="*/ 1173653 w 1173653"/>
              <a:gd name="connsiteY1" fmla="*/ 0 h 514800"/>
              <a:gd name="connsiteX2" fmla="*/ 1173653 w 1173653"/>
              <a:gd name="connsiteY2" fmla="*/ 514800 h 514800"/>
              <a:gd name="connsiteX3" fmla="*/ 129653 w 1173653"/>
              <a:gd name="connsiteY3" fmla="*/ 514800 h 514800"/>
              <a:gd name="connsiteX4" fmla="*/ 0 w 1173653"/>
              <a:gd name="connsiteY4" fmla="*/ 75063 h 514800"/>
              <a:gd name="connsiteX0" fmla="*/ 0 w 1173653"/>
              <a:gd name="connsiteY0" fmla="*/ 0 h 439737"/>
              <a:gd name="connsiteX1" fmla="*/ 1023528 w 1173653"/>
              <a:gd name="connsiteY1" fmla="*/ 13650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16704 w 1173653"/>
              <a:gd name="connsiteY1" fmla="*/ 20474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09880 w 1173653"/>
              <a:gd name="connsiteY1" fmla="*/ 34122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73653"/>
              <a:gd name="connsiteY0" fmla="*/ 0 h 439737"/>
              <a:gd name="connsiteX1" fmla="*/ 1016704 w 1173653"/>
              <a:gd name="connsiteY1" fmla="*/ 27298 h 439737"/>
              <a:gd name="connsiteX2" fmla="*/ 1173653 w 1173653"/>
              <a:gd name="connsiteY2" fmla="*/ 439737 h 439737"/>
              <a:gd name="connsiteX3" fmla="*/ 129653 w 1173653"/>
              <a:gd name="connsiteY3" fmla="*/ 439737 h 439737"/>
              <a:gd name="connsiteX4" fmla="*/ 0 w 1173653"/>
              <a:gd name="connsiteY4" fmla="*/ 0 h 439737"/>
              <a:gd name="connsiteX0" fmla="*/ 0 w 1194124"/>
              <a:gd name="connsiteY0" fmla="*/ 0 h 422677"/>
              <a:gd name="connsiteX1" fmla="*/ 1037175 w 1194124"/>
              <a:gd name="connsiteY1" fmla="*/ 10238 h 422677"/>
              <a:gd name="connsiteX2" fmla="*/ 1194124 w 1194124"/>
              <a:gd name="connsiteY2" fmla="*/ 422677 h 422677"/>
              <a:gd name="connsiteX3" fmla="*/ 150124 w 1194124"/>
              <a:gd name="connsiteY3" fmla="*/ 422677 h 422677"/>
              <a:gd name="connsiteX4" fmla="*/ 0 w 1194124"/>
              <a:gd name="connsiteY4" fmla="*/ 0 h 422677"/>
              <a:gd name="connsiteX0" fmla="*/ 0 w 1197537"/>
              <a:gd name="connsiteY0" fmla="*/ 0 h 415850"/>
              <a:gd name="connsiteX1" fmla="*/ 1040588 w 1197537"/>
              <a:gd name="connsiteY1" fmla="*/ 3411 h 415850"/>
              <a:gd name="connsiteX2" fmla="*/ 1197537 w 1197537"/>
              <a:gd name="connsiteY2" fmla="*/ 415850 h 415850"/>
              <a:gd name="connsiteX3" fmla="*/ 153537 w 1197537"/>
              <a:gd name="connsiteY3" fmla="*/ 415850 h 415850"/>
              <a:gd name="connsiteX4" fmla="*/ 0 w 1197537"/>
              <a:gd name="connsiteY4" fmla="*/ 0 h 415850"/>
              <a:gd name="connsiteX0" fmla="*/ 0 w 1197537"/>
              <a:gd name="connsiteY0" fmla="*/ 92005 h 507855"/>
              <a:gd name="connsiteX1" fmla="*/ 1009696 w 1197537"/>
              <a:gd name="connsiteY1" fmla="*/ 0 h 507855"/>
              <a:gd name="connsiteX2" fmla="*/ 1197537 w 1197537"/>
              <a:gd name="connsiteY2" fmla="*/ 507855 h 507855"/>
              <a:gd name="connsiteX3" fmla="*/ 153537 w 1197537"/>
              <a:gd name="connsiteY3" fmla="*/ 507855 h 507855"/>
              <a:gd name="connsiteX4" fmla="*/ 0 w 1197537"/>
              <a:gd name="connsiteY4" fmla="*/ 92005 h 507855"/>
              <a:gd name="connsiteX0" fmla="*/ 0 w 1236153"/>
              <a:gd name="connsiteY0" fmla="*/ 0 h 554996"/>
              <a:gd name="connsiteX1" fmla="*/ 1048312 w 1236153"/>
              <a:gd name="connsiteY1" fmla="*/ 47141 h 554996"/>
              <a:gd name="connsiteX2" fmla="*/ 1236153 w 1236153"/>
              <a:gd name="connsiteY2" fmla="*/ 554996 h 554996"/>
              <a:gd name="connsiteX3" fmla="*/ 192153 w 1236153"/>
              <a:gd name="connsiteY3" fmla="*/ 554996 h 554996"/>
              <a:gd name="connsiteX4" fmla="*/ 0 w 1236153"/>
              <a:gd name="connsiteY4" fmla="*/ 0 h 554996"/>
              <a:gd name="connsiteX0" fmla="*/ 0 w 1247737"/>
              <a:gd name="connsiteY0" fmla="*/ 0 h 527166"/>
              <a:gd name="connsiteX1" fmla="*/ 1059896 w 1247737"/>
              <a:gd name="connsiteY1" fmla="*/ 19311 h 527166"/>
              <a:gd name="connsiteX2" fmla="*/ 1247737 w 1247737"/>
              <a:gd name="connsiteY2" fmla="*/ 527166 h 527166"/>
              <a:gd name="connsiteX3" fmla="*/ 203737 w 1247737"/>
              <a:gd name="connsiteY3" fmla="*/ 527166 h 527166"/>
              <a:gd name="connsiteX4" fmla="*/ 0 w 1247737"/>
              <a:gd name="connsiteY4" fmla="*/ 0 h 527166"/>
              <a:gd name="connsiteX0" fmla="*/ 0 w 1251599"/>
              <a:gd name="connsiteY0" fmla="*/ 0 h 523189"/>
              <a:gd name="connsiteX1" fmla="*/ 1063758 w 1251599"/>
              <a:gd name="connsiteY1" fmla="*/ 15334 h 523189"/>
              <a:gd name="connsiteX2" fmla="*/ 1251599 w 1251599"/>
              <a:gd name="connsiteY2" fmla="*/ 523189 h 523189"/>
              <a:gd name="connsiteX3" fmla="*/ 207599 w 1251599"/>
              <a:gd name="connsiteY3" fmla="*/ 523189 h 523189"/>
              <a:gd name="connsiteX4" fmla="*/ 0 w 1251599"/>
              <a:gd name="connsiteY4" fmla="*/ 0 h 523189"/>
              <a:gd name="connsiteX0" fmla="*/ 0 w 1247737"/>
              <a:gd name="connsiteY0" fmla="*/ 0 h 523189"/>
              <a:gd name="connsiteX1" fmla="*/ 1059896 w 1247737"/>
              <a:gd name="connsiteY1" fmla="*/ 15334 h 523189"/>
              <a:gd name="connsiteX2" fmla="*/ 1247737 w 1247737"/>
              <a:gd name="connsiteY2" fmla="*/ 523189 h 523189"/>
              <a:gd name="connsiteX3" fmla="*/ 203737 w 1247737"/>
              <a:gd name="connsiteY3" fmla="*/ 523189 h 523189"/>
              <a:gd name="connsiteX4" fmla="*/ 0 w 1247737"/>
              <a:gd name="connsiteY4" fmla="*/ 0 h 523189"/>
              <a:gd name="connsiteX0" fmla="*/ 0 w 1247737"/>
              <a:gd name="connsiteY0" fmla="*/ 568 h 523757"/>
              <a:gd name="connsiteX1" fmla="*/ 1063758 w 1247737"/>
              <a:gd name="connsiteY1" fmla="*/ 0 h 523757"/>
              <a:gd name="connsiteX2" fmla="*/ 1247737 w 1247737"/>
              <a:gd name="connsiteY2" fmla="*/ 523757 h 523757"/>
              <a:gd name="connsiteX3" fmla="*/ 203737 w 1247737"/>
              <a:gd name="connsiteY3" fmla="*/ 523757 h 523757"/>
              <a:gd name="connsiteX4" fmla="*/ 0 w 1247737"/>
              <a:gd name="connsiteY4" fmla="*/ 568 h 523757"/>
              <a:gd name="connsiteX0" fmla="*/ 0 w 1247737"/>
              <a:gd name="connsiteY0" fmla="*/ 568 h 523757"/>
              <a:gd name="connsiteX1" fmla="*/ 1056035 w 1247737"/>
              <a:gd name="connsiteY1" fmla="*/ 0 h 523757"/>
              <a:gd name="connsiteX2" fmla="*/ 1247737 w 1247737"/>
              <a:gd name="connsiteY2" fmla="*/ 523757 h 523757"/>
              <a:gd name="connsiteX3" fmla="*/ 203737 w 1247737"/>
              <a:gd name="connsiteY3" fmla="*/ 523757 h 523757"/>
              <a:gd name="connsiteX4" fmla="*/ 0 w 1247737"/>
              <a:gd name="connsiteY4" fmla="*/ 568 h 523757"/>
              <a:gd name="connsiteX0" fmla="*/ 0 w 1247737"/>
              <a:gd name="connsiteY0" fmla="*/ 568 h 523757"/>
              <a:gd name="connsiteX1" fmla="*/ 1056035 w 1247737"/>
              <a:gd name="connsiteY1" fmla="*/ 0 h 523757"/>
              <a:gd name="connsiteX2" fmla="*/ 1247737 w 1247737"/>
              <a:gd name="connsiteY2" fmla="*/ 523757 h 523757"/>
              <a:gd name="connsiteX3" fmla="*/ 203737 w 1247737"/>
              <a:gd name="connsiteY3" fmla="*/ 523757 h 523757"/>
              <a:gd name="connsiteX4" fmla="*/ 0 w 1247737"/>
              <a:gd name="connsiteY4" fmla="*/ 568 h 52375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247737" h="523757">
                <a:moveTo>
                  <a:pt x="0" y="568"/>
                </a:moveTo>
                <a:lnTo>
                  <a:pt x="1056035" y="0"/>
                </a:lnTo>
                <a:lnTo>
                  <a:pt x="1247737" y="523757"/>
                </a:lnTo>
                <a:lnTo>
                  <a:pt x="203737" y="523757"/>
                </a:lnTo>
                <a:lnTo>
                  <a:pt x="0" y="568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1" name="矩形 86">
            <a:extLst>
              <a:ext uri="{FF2B5EF4-FFF2-40B4-BE49-F238E27FC236}">
                <a16:creationId xmlns:a16="http://schemas.microsoft.com/office/drawing/2014/main" id="{9F3CA623-FBF0-4004-9DCF-90390F559D13}"/>
              </a:ext>
            </a:extLst>
          </p:cNvPr>
          <p:cNvSpPr/>
          <p:nvPr/>
        </p:nvSpPr>
        <p:spPr>
          <a:xfrm>
            <a:off x="1154776" y="5427498"/>
            <a:ext cx="844903" cy="576960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3871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900322"/>
              <a:gd name="connsiteY0" fmla="*/ 14589 h 465161"/>
              <a:gd name="connsiteX1" fmla="*/ 900322 w 900322"/>
              <a:gd name="connsiteY1" fmla="*/ 0 h 465161"/>
              <a:gd name="connsiteX2" fmla="*/ 710906 w 900322"/>
              <a:gd name="connsiteY2" fmla="*/ 464369 h 465161"/>
              <a:gd name="connsiteX3" fmla="*/ 0 w 900322"/>
              <a:gd name="connsiteY3" fmla="*/ 465161 h 465161"/>
              <a:gd name="connsiteX4" fmla="*/ 178001 w 900322"/>
              <a:gd name="connsiteY4" fmla="*/ 14589 h 465161"/>
              <a:gd name="connsiteX0" fmla="*/ 178001 w 900322"/>
              <a:gd name="connsiteY0" fmla="*/ 5199 h 455771"/>
              <a:gd name="connsiteX1" fmla="*/ 900322 w 900322"/>
              <a:gd name="connsiteY1" fmla="*/ 0 h 455771"/>
              <a:gd name="connsiteX2" fmla="*/ 710906 w 900322"/>
              <a:gd name="connsiteY2" fmla="*/ 454979 h 455771"/>
              <a:gd name="connsiteX3" fmla="*/ 0 w 900322"/>
              <a:gd name="connsiteY3" fmla="*/ 455771 h 455771"/>
              <a:gd name="connsiteX4" fmla="*/ 178001 w 900322"/>
              <a:gd name="connsiteY4" fmla="*/ 5199 h 455771"/>
              <a:gd name="connsiteX0" fmla="*/ 178001 w 900322"/>
              <a:gd name="connsiteY0" fmla="*/ 5199 h 630293"/>
              <a:gd name="connsiteX1" fmla="*/ 900322 w 900322"/>
              <a:gd name="connsiteY1" fmla="*/ 0 h 630293"/>
              <a:gd name="connsiteX2" fmla="*/ 745457 w 900322"/>
              <a:gd name="connsiteY2" fmla="*/ 630293 h 630293"/>
              <a:gd name="connsiteX3" fmla="*/ 0 w 900322"/>
              <a:gd name="connsiteY3" fmla="*/ 455771 h 630293"/>
              <a:gd name="connsiteX4" fmla="*/ 178001 w 900322"/>
              <a:gd name="connsiteY4" fmla="*/ 5199 h 630293"/>
              <a:gd name="connsiteX0" fmla="*/ 139610 w 861931"/>
              <a:gd name="connsiteY0" fmla="*/ 5199 h 630293"/>
              <a:gd name="connsiteX1" fmla="*/ 861931 w 861931"/>
              <a:gd name="connsiteY1" fmla="*/ 0 h 630293"/>
              <a:gd name="connsiteX2" fmla="*/ 707066 w 861931"/>
              <a:gd name="connsiteY2" fmla="*/ 630293 h 630293"/>
              <a:gd name="connsiteX3" fmla="*/ 0 w 861931"/>
              <a:gd name="connsiteY3" fmla="*/ 624342 h 630293"/>
              <a:gd name="connsiteX4" fmla="*/ 139610 w 861931"/>
              <a:gd name="connsiteY4" fmla="*/ 5199 h 630293"/>
              <a:gd name="connsiteX0" fmla="*/ 135771 w 858092"/>
              <a:gd name="connsiteY0" fmla="*/ 5199 h 637827"/>
              <a:gd name="connsiteX1" fmla="*/ 858092 w 858092"/>
              <a:gd name="connsiteY1" fmla="*/ 0 h 637827"/>
              <a:gd name="connsiteX2" fmla="*/ 703227 w 858092"/>
              <a:gd name="connsiteY2" fmla="*/ 630293 h 637827"/>
              <a:gd name="connsiteX3" fmla="*/ 0 w 858092"/>
              <a:gd name="connsiteY3" fmla="*/ 637827 h 637827"/>
              <a:gd name="connsiteX4" fmla="*/ 135771 w 858092"/>
              <a:gd name="connsiteY4" fmla="*/ 5199 h 637827"/>
              <a:gd name="connsiteX0" fmla="*/ 135771 w 858092"/>
              <a:gd name="connsiteY0" fmla="*/ 5199 h 738177"/>
              <a:gd name="connsiteX1" fmla="*/ 858092 w 858092"/>
              <a:gd name="connsiteY1" fmla="*/ 0 h 738177"/>
              <a:gd name="connsiteX2" fmla="*/ 776169 w 858092"/>
              <a:gd name="connsiteY2" fmla="*/ 738177 h 738177"/>
              <a:gd name="connsiteX3" fmla="*/ 0 w 858092"/>
              <a:gd name="connsiteY3" fmla="*/ 637827 h 738177"/>
              <a:gd name="connsiteX4" fmla="*/ 135771 w 858092"/>
              <a:gd name="connsiteY4" fmla="*/ 5199 h 738177"/>
              <a:gd name="connsiteX0" fmla="*/ 97381 w 819702"/>
              <a:gd name="connsiteY0" fmla="*/ 5199 h 738969"/>
              <a:gd name="connsiteX1" fmla="*/ 819702 w 819702"/>
              <a:gd name="connsiteY1" fmla="*/ 0 h 738969"/>
              <a:gd name="connsiteX2" fmla="*/ 737779 w 819702"/>
              <a:gd name="connsiteY2" fmla="*/ 738177 h 738969"/>
              <a:gd name="connsiteX3" fmla="*/ 0 w 819702"/>
              <a:gd name="connsiteY3" fmla="*/ 738969 h 738969"/>
              <a:gd name="connsiteX4" fmla="*/ 97381 w 819702"/>
              <a:gd name="connsiteY4" fmla="*/ 5199 h 738969"/>
              <a:gd name="connsiteX0" fmla="*/ 82024 w 804345"/>
              <a:gd name="connsiteY0" fmla="*/ 5199 h 738177"/>
              <a:gd name="connsiteX1" fmla="*/ 804345 w 804345"/>
              <a:gd name="connsiteY1" fmla="*/ 0 h 738177"/>
              <a:gd name="connsiteX2" fmla="*/ 722422 w 804345"/>
              <a:gd name="connsiteY2" fmla="*/ 738177 h 738177"/>
              <a:gd name="connsiteX3" fmla="*/ 0 w 804345"/>
              <a:gd name="connsiteY3" fmla="*/ 732227 h 738177"/>
              <a:gd name="connsiteX4" fmla="*/ 82024 w 804345"/>
              <a:gd name="connsiteY4" fmla="*/ 5199 h 738177"/>
              <a:gd name="connsiteX0" fmla="*/ 82024 w 804345"/>
              <a:gd name="connsiteY0" fmla="*/ 5199 h 933792"/>
              <a:gd name="connsiteX1" fmla="*/ 804345 w 804345"/>
              <a:gd name="connsiteY1" fmla="*/ 0 h 933792"/>
              <a:gd name="connsiteX2" fmla="*/ 697313 w 804345"/>
              <a:gd name="connsiteY2" fmla="*/ 933792 h 933792"/>
              <a:gd name="connsiteX3" fmla="*/ 0 w 804345"/>
              <a:gd name="connsiteY3" fmla="*/ 732227 h 933792"/>
              <a:gd name="connsiteX4" fmla="*/ 82024 w 804345"/>
              <a:gd name="connsiteY4" fmla="*/ 5199 h 933792"/>
              <a:gd name="connsiteX0" fmla="*/ 122199 w 844520"/>
              <a:gd name="connsiteY0" fmla="*/ 5199 h 935993"/>
              <a:gd name="connsiteX1" fmla="*/ 844520 w 844520"/>
              <a:gd name="connsiteY1" fmla="*/ 0 h 935993"/>
              <a:gd name="connsiteX2" fmla="*/ 737488 w 844520"/>
              <a:gd name="connsiteY2" fmla="*/ 933792 h 935993"/>
              <a:gd name="connsiteX3" fmla="*/ 0 w 844520"/>
              <a:gd name="connsiteY3" fmla="*/ 935993 h 935993"/>
              <a:gd name="connsiteX4" fmla="*/ 122199 w 844520"/>
              <a:gd name="connsiteY4" fmla="*/ 5199 h 935993"/>
              <a:gd name="connsiteX0" fmla="*/ 122199 w 844520"/>
              <a:gd name="connsiteY0" fmla="*/ 5199 h 935993"/>
              <a:gd name="connsiteX1" fmla="*/ 844520 w 844520"/>
              <a:gd name="connsiteY1" fmla="*/ 0 h 935993"/>
              <a:gd name="connsiteX2" fmla="*/ 742509 w 844520"/>
              <a:gd name="connsiteY2" fmla="*/ 933792 h 935993"/>
              <a:gd name="connsiteX3" fmla="*/ 0 w 844520"/>
              <a:gd name="connsiteY3" fmla="*/ 935993 h 935993"/>
              <a:gd name="connsiteX4" fmla="*/ 122199 w 844520"/>
              <a:gd name="connsiteY4" fmla="*/ 5199 h 9359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44520" h="935993">
                <a:moveTo>
                  <a:pt x="122199" y="5199"/>
                </a:moveTo>
                <a:lnTo>
                  <a:pt x="844520" y="0"/>
                </a:lnTo>
                <a:lnTo>
                  <a:pt x="742509" y="933792"/>
                </a:lnTo>
                <a:lnTo>
                  <a:pt x="0" y="935993"/>
                </a:lnTo>
                <a:lnTo>
                  <a:pt x="122199" y="5199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2" name="矩形 86">
            <a:extLst>
              <a:ext uri="{FF2B5EF4-FFF2-40B4-BE49-F238E27FC236}">
                <a16:creationId xmlns:a16="http://schemas.microsoft.com/office/drawing/2014/main" id="{C0E83E2D-AE87-432B-9AFB-24894EE97CBA}"/>
              </a:ext>
            </a:extLst>
          </p:cNvPr>
          <p:cNvSpPr/>
          <p:nvPr/>
        </p:nvSpPr>
        <p:spPr>
          <a:xfrm flipH="1" flipV="1">
            <a:off x="1109241" y="5435505"/>
            <a:ext cx="897350" cy="448648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44772 w 961794"/>
              <a:gd name="connsiteY0" fmla="*/ 0 h 256715"/>
              <a:gd name="connsiteX1" fmla="*/ 961794 w 961794"/>
              <a:gd name="connsiteY1" fmla="*/ 92751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50864 w 961794"/>
              <a:gd name="connsiteY0" fmla="*/ 0 h 179223"/>
              <a:gd name="connsiteX1" fmla="*/ 961794 w 961794"/>
              <a:gd name="connsiteY1" fmla="*/ 15259 h 179223"/>
              <a:gd name="connsiteX2" fmla="*/ 720000 w 961794"/>
              <a:gd name="connsiteY2" fmla="*/ 179223 h 179223"/>
              <a:gd name="connsiteX3" fmla="*/ 0 w 961794"/>
              <a:gd name="connsiteY3" fmla="*/ 179223 h 179223"/>
              <a:gd name="connsiteX4" fmla="*/ 250864 w 961794"/>
              <a:gd name="connsiteY4" fmla="*/ 0 h 179223"/>
              <a:gd name="connsiteX0" fmla="*/ 250864 w 961794"/>
              <a:gd name="connsiteY0" fmla="*/ 0 h 168152"/>
              <a:gd name="connsiteX1" fmla="*/ 961794 w 961794"/>
              <a:gd name="connsiteY1" fmla="*/ 41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47055 w 961794"/>
              <a:gd name="connsiteY0" fmla="*/ 0 h 319648"/>
              <a:gd name="connsiteX1" fmla="*/ 961794 w 961794"/>
              <a:gd name="connsiteY1" fmla="*/ 155684 h 319648"/>
              <a:gd name="connsiteX2" fmla="*/ 720000 w 961794"/>
              <a:gd name="connsiteY2" fmla="*/ 319648 h 319648"/>
              <a:gd name="connsiteX3" fmla="*/ 0 w 961794"/>
              <a:gd name="connsiteY3" fmla="*/ 319648 h 319648"/>
              <a:gd name="connsiteX4" fmla="*/ 247055 w 961794"/>
              <a:gd name="connsiteY4" fmla="*/ 0 h 319648"/>
              <a:gd name="connsiteX0" fmla="*/ 247055 w 950366"/>
              <a:gd name="connsiteY0" fmla="*/ 2125 h 321773"/>
              <a:gd name="connsiteX1" fmla="*/ 950366 w 950366"/>
              <a:gd name="connsiteY1" fmla="*/ 0 h 321773"/>
              <a:gd name="connsiteX2" fmla="*/ 720000 w 950366"/>
              <a:gd name="connsiteY2" fmla="*/ 321773 h 321773"/>
              <a:gd name="connsiteX3" fmla="*/ 0 w 950366"/>
              <a:gd name="connsiteY3" fmla="*/ 321773 h 321773"/>
              <a:gd name="connsiteX4" fmla="*/ 247055 w 950366"/>
              <a:gd name="connsiteY4" fmla="*/ 2125 h 321773"/>
              <a:gd name="connsiteX0" fmla="*/ 250865 w 950366"/>
              <a:gd name="connsiteY0" fmla="*/ 14750 h 321773"/>
              <a:gd name="connsiteX1" fmla="*/ 950366 w 950366"/>
              <a:gd name="connsiteY1" fmla="*/ 0 h 321773"/>
              <a:gd name="connsiteX2" fmla="*/ 720000 w 950366"/>
              <a:gd name="connsiteY2" fmla="*/ 321773 h 321773"/>
              <a:gd name="connsiteX3" fmla="*/ 0 w 950366"/>
              <a:gd name="connsiteY3" fmla="*/ 321773 h 321773"/>
              <a:gd name="connsiteX4" fmla="*/ 250865 w 950366"/>
              <a:gd name="connsiteY4" fmla="*/ 14750 h 321773"/>
              <a:gd name="connsiteX0" fmla="*/ 243246 w 950366"/>
              <a:gd name="connsiteY0" fmla="*/ 0 h 325960"/>
              <a:gd name="connsiteX1" fmla="*/ 950366 w 950366"/>
              <a:gd name="connsiteY1" fmla="*/ 4187 h 325960"/>
              <a:gd name="connsiteX2" fmla="*/ 720000 w 950366"/>
              <a:gd name="connsiteY2" fmla="*/ 325960 h 325960"/>
              <a:gd name="connsiteX3" fmla="*/ 0 w 950366"/>
              <a:gd name="connsiteY3" fmla="*/ 325960 h 325960"/>
              <a:gd name="connsiteX4" fmla="*/ 243246 w 950366"/>
              <a:gd name="connsiteY4" fmla="*/ 0 h 325960"/>
              <a:gd name="connsiteX0" fmla="*/ 243246 w 950366"/>
              <a:gd name="connsiteY0" fmla="*/ 0 h 325960"/>
              <a:gd name="connsiteX1" fmla="*/ 950366 w 950366"/>
              <a:gd name="connsiteY1" fmla="*/ 4187 h 325960"/>
              <a:gd name="connsiteX2" fmla="*/ 720000 w 950366"/>
              <a:gd name="connsiteY2" fmla="*/ 325960 h 325960"/>
              <a:gd name="connsiteX3" fmla="*/ 0 w 950366"/>
              <a:gd name="connsiteY3" fmla="*/ 325960 h 325960"/>
              <a:gd name="connsiteX4" fmla="*/ 243246 w 950366"/>
              <a:gd name="connsiteY4" fmla="*/ 0 h 325960"/>
              <a:gd name="connsiteX0" fmla="*/ 243246 w 942748"/>
              <a:gd name="connsiteY0" fmla="*/ 0 h 325960"/>
              <a:gd name="connsiteX1" fmla="*/ 942748 w 942748"/>
              <a:gd name="connsiteY1" fmla="*/ 4187 h 325960"/>
              <a:gd name="connsiteX2" fmla="*/ 720000 w 942748"/>
              <a:gd name="connsiteY2" fmla="*/ 325960 h 325960"/>
              <a:gd name="connsiteX3" fmla="*/ 0 w 942748"/>
              <a:gd name="connsiteY3" fmla="*/ 325960 h 325960"/>
              <a:gd name="connsiteX4" fmla="*/ 243246 w 942748"/>
              <a:gd name="connsiteY4" fmla="*/ 0 h 325960"/>
              <a:gd name="connsiteX0" fmla="*/ 170867 w 942748"/>
              <a:gd name="connsiteY0" fmla="*/ 0 h 534267"/>
              <a:gd name="connsiteX1" fmla="*/ 942748 w 942748"/>
              <a:gd name="connsiteY1" fmla="*/ 212494 h 534267"/>
              <a:gd name="connsiteX2" fmla="*/ 720000 w 942748"/>
              <a:gd name="connsiteY2" fmla="*/ 534267 h 534267"/>
              <a:gd name="connsiteX3" fmla="*/ 0 w 942748"/>
              <a:gd name="connsiteY3" fmla="*/ 534267 h 534267"/>
              <a:gd name="connsiteX4" fmla="*/ 170867 w 942748"/>
              <a:gd name="connsiteY4" fmla="*/ 0 h 534267"/>
              <a:gd name="connsiteX0" fmla="*/ 170867 w 893225"/>
              <a:gd name="connsiteY0" fmla="*/ 0 h 534267"/>
              <a:gd name="connsiteX1" fmla="*/ 893225 w 893225"/>
              <a:gd name="connsiteY1" fmla="*/ 35749 h 534267"/>
              <a:gd name="connsiteX2" fmla="*/ 720000 w 893225"/>
              <a:gd name="connsiteY2" fmla="*/ 534267 h 534267"/>
              <a:gd name="connsiteX3" fmla="*/ 0 w 893225"/>
              <a:gd name="connsiteY3" fmla="*/ 534267 h 534267"/>
              <a:gd name="connsiteX4" fmla="*/ 170867 w 893225"/>
              <a:gd name="connsiteY4" fmla="*/ 0 h 534267"/>
              <a:gd name="connsiteX0" fmla="*/ 178486 w 893225"/>
              <a:gd name="connsiteY0" fmla="*/ 0 h 509017"/>
              <a:gd name="connsiteX1" fmla="*/ 893225 w 893225"/>
              <a:gd name="connsiteY1" fmla="*/ 10499 h 509017"/>
              <a:gd name="connsiteX2" fmla="*/ 720000 w 893225"/>
              <a:gd name="connsiteY2" fmla="*/ 509017 h 509017"/>
              <a:gd name="connsiteX3" fmla="*/ 0 w 893225"/>
              <a:gd name="connsiteY3" fmla="*/ 509017 h 509017"/>
              <a:gd name="connsiteX4" fmla="*/ 178486 w 893225"/>
              <a:gd name="connsiteY4" fmla="*/ 0 h 509017"/>
              <a:gd name="connsiteX0" fmla="*/ 178486 w 893225"/>
              <a:gd name="connsiteY0" fmla="*/ 8438 h 498518"/>
              <a:gd name="connsiteX1" fmla="*/ 893225 w 893225"/>
              <a:gd name="connsiteY1" fmla="*/ 0 h 498518"/>
              <a:gd name="connsiteX2" fmla="*/ 720000 w 893225"/>
              <a:gd name="connsiteY2" fmla="*/ 498518 h 498518"/>
              <a:gd name="connsiteX3" fmla="*/ 0 w 893225"/>
              <a:gd name="connsiteY3" fmla="*/ 498518 h 498518"/>
              <a:gd name="connsiteX4" fmla="*/ 178486 w 893225"/>
              <a:gd name="connsiteY4" fmla="*/ 8438 h 498518"/>
              <a:gd name="connsiteX0" fmla="*/ 178486 w 893225"/>
              <a:gd name="connsiteY0" fmla="*/ 8438 h 498518"/>
              <a:gd name="connsiteX1" fmla="*/ 893225 w 893225"/>
              <a:gd name="connsiteY1" fmla="*/ 0 h 498518"/>
              <a:gd name="connsiteX2" fmla="*/ 720000 w 893225"/>
              <a:gd name="connsiteY2" fmla="*/ 498518 h 498518"/>
              <a:gd name="connsiteX3" fmla="*/ 0 w 893225"/>
              <a:gd name="connsiteY3" fmla="*/ 498518 h 498518"/>
              <a:gd name="connsiteX4" fmla="*/ 178486 w 893225"/>
              <a:gd name="connsiteY4" fmla="*/ 8438 h 498518"/>
              <a:gd name="connsiteX0" fmla="*/ 178486 w 885606"/>
              <a:gd name="connsiteY0" fmla="*/ 8438 h 498518"/>
              <a:gd name="connsiteX1" fmla="*/ 885606 w 885606"/>
              <a:gd name="connsiteY1" fmla="*/ 0 h 498518"/>
              <a:gd name="connsiteX2" fmla="*/ 720000 w 885606"/>
              <a:gd name="connsiteY2" fmla="*/ 498518 h 498518"/>
              <a:gd name="connsiteX3" fmla="*/ 0 w 885606"/>
              <a:gd name="connsiteY3" fmla="*/ 498518 h 498518"/>
              <a:gd name="connsiteX4" fmla="*/ 178486 w 885606"/>
              <a:gd name="connsiteY4" fmla="*/ 8438 h 498518"/>
              <a:gd name="connsiteX0" fmla="*/ 170867 w 885606"/>
              <a:gd name="connsiteY0" fmla="*/ 0 h 521642"/>
              <a:gd name="connsiteX1" fmla="*/ 885606 w 885606"/>
              <a:gd name="connsiteY1" fmla="*/ 23124 h 521642"/>
              <a:gd name="connsiteX2" fmla="*/ 720000 w 885606"/>
              <a:gd name="connsiteY2" fmla="*/ 521642 h 521642"/>
              <a:gd name="connsiteX3" fmla="*/ 0 w 885606"/>
              <a:gd name="connsiteY3" fmla="*/ 521642 h 521642"/>
              <a:gd name="connsiteX4" fmla="*/ 170867 w 885606"/>
              <a:gd name="connsiteY4" fmla="*/ 0 h 521642"/>
              <a:gd name="connsiteX0" fmla="*/ 170867 w 881797"/>
              <a:gd name="connsiteY0" fmla="*/ 21063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21063 h 542705"/>
              <a:gd name="connsiteX0" fmla="*/ 170867 w 881797"/>
              <a:gd name="connsiteY0" fmla="*/ 21063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21063 h 542705"/>
              <a:gd name="connsiteX0" fmla="*/ 170867 w 881797"/>
              <a:gd name="connsiteY0" fmla="*/ 8439 h 542705"/>
              <a:gd name="connsiteX1" fmla="*/ 881797 w 881797"/>
              <a:gd name="connsiteY1" fmla="*/ 0 h 542705"/>
              <a:gd name="connsiteX2" fmla="*/ 720000 w 881797"/>
              <a:gd name="connsiteY2" fmla="*/ 542705 h 542705"/>
              <a:gd name="connsiteX3" fmla="*/ 0 w 881797"/>
              <a:gd name="connsiteY3" fmla="*/ 542705 h 542705"/>
              <a:gd name="connsiteX4" fmla="*/ 170867 w 881797"/>
              <a:gd name="connsiteY4" fmla="*/ 8439 h 542705"/>
              <a:gd name="connsiteX0" fmla="*/ 170867 w 881797"/>
              <a:gd name="connsiteY0" fmla="*/ 2127 h 536393"/>
              <a:gd name="connsiteX1" fmla="*/ 881797 w 881797"/>
              <a:gd name="connsiteY1" fmla="*/ 0 h 536393"/>
              <a:gd name="connsiteX2" fmla="*/ 720000 w 881797"/>
              <a:gd name="connsiteY2" fmla="*/ 536393 h 536393"/>
              <a:gd name="connsiteX3" fmla="*/ 0 w 881797"/>
              <a:gd name="connsiteY3" fmla="*/ 536393 h 536393"/>
              <a:gd name="connsiteX4" fmla="*/ 170867 w 881797"/>
              <a:gd name="connsiteY4" fmla="*/ 2127 h 536393"/>
              <a:gd name="connsiteX0" fmla="*/ 170867 w 874179"/>
              <a:gd name="connsiteY0" fmla="*/ 2127 h 536393"/>
              <a:gd name="connsiteX1" fmla="*/ 874179 w 874179"/>
              <a:gd name="connsiteY1" fmla="*/ 0 h 536393"/>
              <a:gd name="connsiteX2" fmla="*/ 720000 w 874179"/>
              <a:gd name="connsiteY2" fmla="*/ 536393 h 536393"/>
              <a:gd name="connsiteX3" fmla="*/ 0 w 874179"/>
              <a:gd name="connsiteY3" fmla="*/ 536393 h 536393"/>
              <a:gd name="connsiteX4" fmla="*/ 170867 w 874179"/>
              <a:gd name="connsiteY4" fmla="*/ 2127 h 536393"/>
              <a:gd name="connsiteX0" fmla="*/ 170867 w 866560"/>
              <a:gd name="connsiteY0" fmla="*/ 2127 h 536393"/>
              <a:gd name="connsiteX1" fmla="*/ 866560 w 866560"/>
              <a:gd name="connsiteY1" fmla="*/ 0 h 536393"/>
              <a:gd name="connsiteX2" fmla="*/ 720000 w 866560"/>
              <a:gd name="connsiteY2" fmla="*/ 536393 h 536393"/>
              <a:gd name="connsiteX3" fmla="*/ 0 w 866560"/>
              <a:gd name="connsiteY3" fmla="*/ 536393 h 536393"/>
              <a:gd name="connsiteX4" fmla="*/ 170867 w 866560"/>
              <a:gd name="connsiteY4" fmla="*/ 2127 h 536393"/>
              <a:gd name="connsiteX0" fmla="*/ 180850 w 866560"/>
              <a:gd name="connsiteY0" fmla="*/ 0 h 679240"/>
              <a:gd name="connsiteX1" fmla="*/ 866560 w 866560"/>
              <a:gd name="connsiteY1" fmla="*/ 142847 h 679240"/>
              <a:gd name="connsiteX2" fmla="*/ 720000 w 866560"/>
              <a:gd name="connsiteY2" fmla="*/ 679240 h 679240"/>
              <a:gd name="connsiteX3" fmla="*/ 0 w 866560"/>
              <a:gd name="connsiteY3" fmla="*/ 679240 h 679240"/>
              <a:gd name="connsiteX4" fmla="*/ 180850 w 866560"/>
              <a:gd name="connsiteY4" fmla="*/ 0 h 679240"/>
              <a:gd name="connsiteX0" fmla="*/ 180850 w 901500"/>
              <a:gd name="connsiteY0" fmla="*/ 2128 h 681368"/>
              <a:gd name="connsiteX1" fmla="*/ 901500 w 901500"/>
              <a:gd name="connsiteY1" fmla="*/ 0 h 681368"/>
              <a:gd name="connsiteX2" fmla="*/ 720000 w 901500"/>
              <a:gd name="connsiteY2" fmla="*/ 681368 h 681368"/>
              <a:gd name="connsiteX3" fmla="*/ 0 w 901500"/>
              <a:gd name="connsiteY3" fmla="*/ 681368 h 681368"/>
              <a:gd name="connsiteX4" fmla="*/ 180850 w 901500"/>
              <a:gd name="connsiteY4" fmla="*/ 2128 h 681368"/>
              <a:gd name="connsiteX0" fmla="*/ 175858 w 901500"/>
              <a:gd name="connsiteY0" fmla="*/ 9759 h 681368"/>
              <a:gd name="connsiteX1" fmla="*/ 901500 w 901500"/>
              <a:gd name="connsiteY1" fmla="*/ 0 h 681368"/>
              <a:gd name="connsiteX2" fmla="*/ 720000 w 901500"/>
              <a:gd name="connsiteY2" fmla="*/ 681368 h 681368"/>
              <a:gd name="connsiteX3" fmla="*/ 0 w 901500"/>
              <a:gd name="connsiteY3" fmla="*/ 681368 h 681368"/>
              <a:gd name="connsiteX4" fmla="*/ 175858 w 901500"/>
              <a:gd name="connsiteY4" fmla="*/ 9759 h 681368"/>
              <a:gd name="connsiteX0" fmla="*/ 175858 w 901500"/>
              <a:gd name="connsiteY0" fmla="*/ 9759 h 681368"/>
              <a:gd name="connsiteX1" fmla="*/ 901500 w 901500"/>
              <a:gd name="connsiteY1" fmla="*/ 0 h 681368"/>
              <a:gd name="connsiteX2" fmla="*/ 720000 w 901500"/>
              <a:gd name="connsiteY2" fmla="*/ 681368 h 681368"/>
              <a:gd name="connsiteX3" fmla="*/ 0 w 901500"/>
              <a:gd name="connsiteY3" fmla="*/ 681368 h 681368"/>
              <a:gd name="connsiteX4" fmla="*/ 175858 w 901500"/>
              <a:gd name="connsiteY4" fmla="*/ 9759 h 681368"/>
              <a:gd name="connsiteX0" fmla="*/ 175858 w 891517"/>
              <a:gd name="connsiteY0" fmla="*/ 9759 h 681368"/>
              <a:gd name="connsiteX1" fmla="*/ 891517 w 891517"/>
              <a:gd name="connsiteY1" fmla="*/ 0 h 681368"/>
              <a:gd name="connsiteX2" fmla="*/ 720000 w 891517"/>
              <a:gd name="connsiteY2" fmla="*/ 681368 h 681368"/>
              <a:gd name="connsiteX3" fmla="*/ 0 w 891517"/>
              <a:gd name="connsiteY3" fmla="*/ 681368 h 681368"/>
              <a:gd name="connsiteX4" fmla="*/ 175858 w 891517"/>
              <a:gd name="connsiteY4" fmla="*/ 9759 h 681368"/>
              <a:gd name="connsiteX0" fmla="*/ 175858 w 891517"/>
              <a:gd name="connsiteY0" fmla="*/ 9759 h 681368"/>
              <a:gd name="connsiteX1" fmla="*/ 891517 w 891517"/>
              <a:gd name="connsiteY1" fmla="*/ 0 h 681368"/>
              <a:gd name="connsiteX2" fmla="*/ 720000 w 891517"/>
              <a:gd name="connsiteY2" fmla="*/ 681368 h 681368"/>
              <a:gd name="connsiteX3" fmla="*/ 0 w 891517"/>
              <a:gd name="connsiteY3" fmla="*/ 681368 h 681368"/>
              <a:gd name="connsiteX4" fmla="*/ 175858 w 891517"/>
              <a:gd name="connsiteY4" fmla="*/ 9759 h 681368"/>
              <a:gd name="connsiteX0" fmla="*/ 175858 w 891517"/>
              <a:gd name="connsiteY0" fmla="*/ 2129 h 681368"/>
              <a:gd name="connsiteX1" fmla="*/ 891517 w 891517"/>
              <a:gd name="connsiteY1" fmla="*/ 0 h 681368"/>
              <a:gd name="connsiteX2" fmla="*/ 720000 w 891517"/>
              <a:gd name="connsiteY2" fmla="*/ 681368 h 681368"/>
              <a:gd name="connsiteX3" fmla="*/ 0 w 891517"/>
              <a:gd name="connsiteY3" fmla="*/ 681368 h 681368"/>
              <a:gd name="connsiteX4" fmla="*/ 175858 w 891517"/>
              <a:gd name="connsiteY4" fmla="*/ 2129 h 6813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1517" h="681368">
                <a:moveTo>
                  <a:pt x="175858" y="2129"/>
                </a:moveTo>
                <a:lnTo>
                  <a:pt x="891517" y="0"/>
                </a:lnTo>
                <a:lnTo>
                  <a:pt x="720000" y="681368"/>
                </a:lnTo>
                <a:lnTo>
                  <a:pt x="0" y="681368"/>
                </a:lnTo>
                <a:lnTo>
                  <a:pt x="175858" y="2129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3" name="矩形 86">
            <a:extLst>
              <a:ext uri="{FF2B5EF4-FFF2-40B4-BE49-F238E27FC236}">
                <a16:creationId xmlns:a16="http://schemas.microsoft.com/office/drawing/2014/main" id="{157BA2F8-3D4D-43FC-B93B-1FB8F8EFA206}"/>
              </a:ext>
            </a:extLst>
          </p:cNvPr>
          <p:cNvSpPr/>
          <p:nvPr/>
        </p:nvSpPr>
        <p:spPr>
          <a:xfrm flipV="1">
            <a:off x="1108545" y="3887940"/>
            <a:ext cx="891458" cy="463823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3871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10906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900322"/>
              <a:gd name="connsiteY0" fmla="*/ 14589 h 465161"/>
              <a:gd name="connsiteX1" fmla="*/ 900322 w 900322"/>
              <a:gd name="connsiteY1" fmla="*/ 0 h 465161"/>
              <a:gd name="connsiteX2" fmla="*/ 710906 w 900322"/>
              <a:gd name="connsiteY2" fmla="*/ 464369 h 465161"/>
              <a:gd name="connsiteX3" fmla="*/ 0 w 900322"/>
              <a:gd name="connsiteY3" fmla="*/ 465161 h 465161"/>
              <a:gd name="connsiteX4" fmla="*/ 178001 w 900322"/>
              <a:gd name="connsiteY4" fmla="*/ 14589 h 465161"/>
              <a:gd name="connsiteX0" fmla="*/ 178001 w 900322"/>
              <a:gd name="connsiteY0" fmla="*/ 5199 h 455771"/>
              <a:gd name="connsiteX1" fmla="*/ 900322 w 900322"/>
              <a:gd name="connsiteY1" fmla="*/ 0 h 455771"/>
              <a:gd name="connsiteX2" fmla="*/ 710906 w 900322"/>
              <a:gd name="connsiteY2" fmla="*/ 454979 h 455771"/>
              <a:gd name="connsiteX3" fmla="*/ 0 w 900322"/>
              <a:gd name="connsiteY3" fmla="*/ 455771 h 455771"/>
              <a:gd name="connsiteX4" fmla="*/ 178001 w 900322"/>
              <a:gd name="connsiteY4" fmla="*/ 5199 h 455771"/>
              <a:gd name="connsiteX0" fmla="*/ 178001 w 900322"/>
              <a:gd name="connsiteY0" fmla="*/ 5199 h 751663"/>
              <a:gd name="connsiteX1" fmla="*/ 900322 w 900322"/>
              <a:gd name="connsiteY1" fmla="*/ 0 h 751663"/>
              <a:gd name="connsiteX2" fmla="*/ 730544 w 900322"/>
              <a:gd name="connsiteY2" fmla="*/ 751663 h 751663"/>
              <a:gd name="connsiteX3" fmla="*/ 0 w 900322"/>
              <a:gd name="connsiteY3" fmla="*/ 455771 h 751663"/>
              <a:gd name="connsiteX4" fmla="*/ 178001 w 900322"/>
              <a:gd name="connsiteY4" fmla="*/ 5199 h 751663"/>
              <a:gd name="connsiteX0" fmla="*/ 146580 w 868901"/>
              <a:gd name="connsiteY0" fmla="*/ 5199 h 816952"/>
              <a:gd name="connsiteX1" fmla="*/ 868901 w 868901"/>
              <a:gd name="connsiteY1" fmla="*/ 0 h 816952"/>
              <a:gd name="connsiteX2" fmla="*/ 699123 w 868901"/>
              <a:gd name="connsiteY2" fmla="*/ 751663 h 816952"/>
              <a:gd name="connsiteX3" fmla="*/ 0 w 868901"/>
              <a:gd name="connsiteY3" fmla="*/ 816952 h 816952"/>
              <a:gd name="connsiteX4" fmla="*/ 146580 w 868901"/>
              <a:gd name="connsiteY4" fmla="*/ 5199 h 816952"/>
              <a:gd name="connsiteX0" fmla="*/ 162290 w 884611"/>
              <a:gd name="connsiteY0" fmla="*/ 5199 h 778254"/>
              <a:gd name="connsiteX1" fmla="*/ 884611 w 884611"/>
              <a:gd name="connsiteY1" fmla="*/ 0 h 778254"/>
              <a:gd name="connsiteX2" fmla="*/ 714833 w 884611"/>
              <a:gd name="connsiteY2" fmla="*/ 751663 h 778254"/>
              <a:gd name="connsiteX3" fmla="*/ 0 w 884611"/>
              <a:gd name="connsiteY3" fmla="*/ 778254 h 778254"/>
              <a:gd name="connsiteX4" fmla="*/ 162290 w 884611"/>
              <a:gd name="connsiteY4" fmla="*/ 5199 h 778254"/>
              <a:gd name="connsiteX0" fmla="*/ 162290 w 884611"/>
              <a:gd name="connsiteY0" fmla="*/ 5199 h 751663"/>
              <a:gd name="connsiteX1" fmla="*/ 884611 w 884611"/>
              <a:gd name="connsiteY1" fmla="*/ 0 h 751663"/>
              <a:gd name="connsiteX2" fmla="*/ 714833 w 884611"/>
              <a:gd name="connsiteY2" fmla="*/ 751663 h 751663"/>
              <a:gd name="connsiteX3" fmla="*/ 0 w 884611"/>
              <a:gd name="connsiteY3" fmla="*/ 746005 h 751663"/>
              <a:gd name="connsiteX4" fmla="*/ 162290 w 884611"/>
              <a:gd name="connsiteY4" fmla="*/ 5199 h 751663"/>
              <a:gd name="connsiteX0" fmla="*/ 162290 w 884611"/>
              <a:gd name="connsiteY0" fmla="*/ 5199 h 751663"/>
              <a:gd name="connsiteX1" fmla="*/ 884611 w 884611"/>
              <a:gd name="connsiteY1" fmla="*/ 0 h 751663"/>
              <a:gd name="connsiteX2" fmla="*/ 714833 w 884611"/>
              <a:gd name="connsiteY2" fmla="*/ 751663 h 751663"/>
              <a:gd name="connsiteX3" fmla="*/ 0 w 884611"/>
              <a:gd name="connsiteY3" fmla="*/ 746004 h 751663"/>
              <a:gd name="connsiteX4" fmla="*/ 162290 w 884611"/>
              <a:gd name="connsiteY4" fmla="*/ 5199 h 751663"/>
              <a:gd name="connsiteX0" fmla="*/ 158363 w 880684"/>
              <a:gd name="connsiteY0" fmla="*/ 5199 h 752453"/>
              <a:gd name="connsiteX1" fmla="*/ 880684 w 880684"/>
              <a:gd name="connsiteY1" fmla="*/ 0 h 752453"/>
              <a:gd name="connsiteX2" fmla="*/ 710906 w 880684"/>
              <a:gd name="connsiteY2" fmla="*/ 751663 h 752453"/>
              <a:gd name="connsiteX3" fmla="*/ 0 w 880684"/>
              <a:gd name="connsiteY3" fmla="*/ 752453 h 752453"/>
              <a:gd name="connsiteX4" fmla="*/ 158363 w 880684"/>
              <a:gd name="connsiteY4" fmla="*/ 5199 h 7524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80684" h="752453">
                <a:moveTo>
                  <a:pt x="158363" y="5199"/>
                </a:moveTo>
                <a:lnTo>
                  <a:pt x="880684" y="0"/>
                </a:lnTo>
                <a:lnTo>
                  <a:pt x="710906" y="751663"/>
                </a:lnTo>
                <a:lnTo>
                  <a:pt x="0" y="752453"/>
                </a:lnTo>
                <a:lnTo>
                  <a:pt x="158363" y="5199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4" name="矩形 55">
            <a:extLst>
              <a:ext uri="{FF2B5EF4-FFF2-40B4-BE49-F238E27FC236}">
                <a16:creationId xmlns:a16="http://schemas.microsoft.com/office/drawing/2014/main" id="{FE8353E6-2D4E-42B3-85E4-5DB791DF14CC}"/>
              </a:ext>
            </a:extLst>
          </p:cNvPr>
          <p:cNvSpPr/>
          <p:nvPr/>
        </p:nvSpPr>
        <p:spPr>
          <a:xfrm rot="16200000">
            <a:off x="500618" y="4908310"/>
            <a:ext cx="1344424" cy="228897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280219 w 1324219"/>
              <a:gd name="connsiteY0" fmla="*/ 266864 h 781664"/>
              <a:gd name="connsiteX1" fmla="*/ 1324219 w 1324219"/>
              <a:gd name="connsiteY1" fmla="*/ 266864 h 781664"/>
              <a:gd name="connsiteX2" fmla="*/ 1324219 w 1324219"/>
              <a:gd name="connsiteY2" fmla="*/ 781664 h 781664"/>
              <a:gd name="connsiteX3" fmla="*/ 0 w 1324219"/>
              <a:gd name="connsiteY3" fmla="*/ 0 h 781664"/>
              <a:gd name="connsiteX4" fmla="*/ 280219 w 1324219"/>
              <a:gd name="connsiteY4" fmla="*/ 266864 h 7816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77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80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29252 w 1324219"/>
              <a:gd name="connsiteY2" fmla="*/ 9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44000 w 1324219"/>
              <a:gd name="connsiteY2" fmla="*/ 1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63127 w 1324219"/>
              <a:gd name="connsiteY2" fmla="*/ 1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66953 w 1324219"/>
              <a:gd name="connsiteY2" fmla="*/ 4647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49616 w 1293616"/>
              <a:gd name="connsiteY0" fmla="*/ 266864 h 266864"/>
              <a:gd name="connsiteX1" fmla="*/ 1293616 w 1293616"/>
              <a:gd name="connsiteY1" fmla="*/ 266864 h 266864"/>
              <a:gd name="connsiteX2" fmla="*/ 1036350 w 1293616"/>
              <a:gd name="connsiteY2" fmla="*/ 4647 h 266864"/>
              <a:gd name="connsiteX3" fmla="*/ 0 w 1293616"/>
              <a:gd name="connsiteY3" fmla="*/ 0 h 266864"/>
              <a:gd name="connsiteX4" fmla="*/ 249616 w 1293616"/>
              <a:gd name="connsiteY4" fmla="*/ 266864 h 266864"/>
              <a:gd name="connsiteX0" fmla="*/ 249616 w 1293616"/>
              <a:gd name="connsiteY0" fmla="*/ 262226 h 262226"/>
              <a:gd name="connsiteX1" fmla="*/ 1293616 w 1293616"/>
              <a:gd name="connsiteY1" fmla="*/ 262226 h 262226"/>
              <a:gd name="connsiteX2" fmla="*/ 1036350 w 1293616"/>
              <a:gd name="connsiteY2" fmla="*/ 9 h 262226"/>
              <a:gd name="connsiteX3" fmla="*/ 0 w 1293616"/>
              <a:gd name="connsiteY3" fmla="*/ 0 h 262226"/>
              <a:gd name="connsiteX4" fmla="*/ 249616 w 1293616"/>
              <a:gd name="connsiteY4" fmla="*/ 262226 h 262226"/>
              <a:gd name="connsiteX0" fmla="*/ 249616 w 1293614"/>
              <a:gd name="connsiteY0" fmla="*/ 262226 h 266860"/>
              <a:gd name="connsiteX1" fmla="*/ 1293614 w 1293614"/>
              <a:gd name="connsiteY1" fmla="*/ 266860 h 266860"/>
              <a:gd name="connsiteX2" fmla="*/ 1036350 w 1293614"/>
              <a:gd name="connsiteY2" fmla="*/ 9 h 266860"/>
              <a:gd name="connsiteX3" fmla="*/ 0 w 1293614"/>
              <a:gd name="connsiteY3" fmla="*/ 0 h 266860"/>
              <a:gd name="connsiteX4" fmla="*/ 249616 w 1293614"/>
              <a:gd name="connsiteY4" fmla="*/ 262226 h 266860"/>
              <a:gd name="connsiteX0" fmla="*/ 249616 w 1293614"/>
              <a:gd name="connsiteY0" fmla="*/ 262226 h 276131"/>
              <a:gd name="connsiteX1" fmla="*/ 1293614 w 1293614"/>
              <a:gd name="connsiteY1" fmla="*/ 276131 h 276131"/>
              <a:gd name="connsiteX2" fmla="*/ 1036350 w 1293614"/>
              <a:gd name="connsiteY2" fmla="*/ 9 h 276131"/>
              <a:gd name="connsiteX3" fmla="*/ 0 w 1293614"/>
              <a:gd name="connsiteY3" fmla="*/ 0 h 276131"/>
              <a:gd name="connsiteX4" fmla="*/ 249616 w 1293614"/>
              <a:gd name="connsiteY4" fmla="*/ 262226 h 276131"/>
              <a:gd name="connsiteX0" fmla="*/ 249616 w 1293614"/>
              <a:gd name="connsiteY0" fmla="*/ 262226 h 266861"/>
              <a:gd name="connsiteX1" fmla="*/ 1293614 w 1293614"/>
              <a:gd name="connsiteY1" fmla="*/ 266861 h 266861"/>
              <a:gd name="connsiteX2" fmla="*/ 1036350 w 1293614"/>
              <a:gd name="connsiteY2" fmla="*/ 9 h 266861"/>
              <a:gd name="connsiteX3" fmla="*/ 0 w 1293614"/>
              <a:gd name="connsiteY3" fmla="*/ 0 h 266861"/>
              <a:gd name="connsiteX4" fmla="*/ 249616 w 1293614"/>
              <a:gd name="connsiteY4" fmla="*/ 262226 h 26686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293614" h="266861">
                <a:moveTo>
                  <a:pt x="249616" y="262226"/>
                </a:moveTo>
                <a:lnTo>
                  <a:pt x="1293614" y="266861"/>
                </a:lnTo>
                <a:lnTo>
                  <a:pt x="1036350" y="9"/>
                </a:lnTo>
                <a:lnTo>
                  <a:pt x="0" y="0"/>
                </a:lnTo>
                <a:lnTo>
                  <a:pt x="249616" y="262226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5" name="矩形 86">
            <a:extLst>
              <a:ext uri="{FF2B5EF4-FFF2-40B4-BE49-F238E27FC236}">
                <a16:creationId xmlns:a16="http://schemas.microsoft.com/office/drawing/2014/main" id="{7C17EA67-BBA0-4485-8408-F5C09B736B89}"/>
              </a:ext>
            </a:extLst>
          </p:cNvPr>
          <p:cNvSpPr/>
          <p:nvPr/>
        </p:nvSpPr>
        <p:spPr>
          <a:xfrm flipH="1" flipV="1">
            <a:off x="1007939" y="4214797"/>
            <a:ext cx="998992" cy="133937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44772 w 961794"/>
              <a:gd name="connsiteY0" fmla="*/ 0 h 256715"/>
              <a:gd name="connsiteX1" fmla="*/ 961794 w 961794"/>
              <a:gd name="connsiteY1" fmla="*/ 92751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250864 w 961794"/>
              <a:gd name="connsiteY0" fmla="*/ 0 h 179223"/>
              <a:gd name="connsiteX1" fmla="*/ 961794 w 961794"/>
              <a:gd name="connsiteY1" fmla="*/ 15259 h 179223"/>
              <a:gd name="connsiteX2" fmla="*/ 720000 w 961794"/>
              <a:gd name="connsiteY2" fmla="*/ 179223 h 179223"/>
              <a:gd name="connsiteX3" fmla="*/ 0 w 961794"/>
              <a:gd name="connsiteY3" fmla="*/ 179223 h 179223"/>
              <a:gd name="connsiteX4" fmla="*/ 250864 w 961794"/>
              <a:gd name="connsiteY4" fmla="*/ 0 h 179223"/>
              <a:gd name="connsiteX0" fmla="*/ 250864 w 961794"/>
              <a:gd name="connsiteY0" fmla="*/ 0 h 168152"/>
              <a:gd name="connsiteX1" fmla="*/ 961794 w 961794"/>
              <a:gd name="connsiteY1" fmla="*/ 41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50864 w 961794"/>
              <a:gd name="connsiteY0" fmla="*/ 0 h 168152"/>
              <a:gd name="connsiteX1" fmla="*/ 961794 w 961794"/>
              <a:gd name="connsiteY1" fmla="*/ 98588 h 168152"/>
              <a:gd name="connsiteX2" fmla="*/ 720000 w 961794"/>
              <a:gd name="connsiteY2" fmla="*/ 168152 h 168152"/>
              <a:gd name="connsiteX3" fmla="*/ 0 w 961794"/>
              <a:gd name="connsiteY3" fmla="*/ 168152 h 168152"/>
              <a:gd name="connsiteX4" fmla="*/ 250864 w 961794"/>
              <a:gd name="connsiteY4" fmla="*/ 0 h 168152"/>
              <a:gd name="connsiteX0" fmla="*/ 250864 w 961794"/>
              <a:gd name="connsiteY0" fmla="*/ 0 h 80495"/>
              <a:gd name="connsiteX1" fmla="*/ 961794 w 961794"/>
              <a:gd name="connsiteY1" fmla="*/ 10931 h 80495"/>
              <a:gd name="connsiteX2" fmla="*/ 720000 w 961794"/>
              <a:gd name="connsiteY2" fmla="*/ 80495 h 80495"/>
              <a:gd name="connsiteX3" fmla="*/ 0 w 961794"/>
              <a:gd name="connsiteY3" fmla="*/ 80495 h 80495"/>
              <a:gd name="connsiteX4" fmla="*/ 250864 w 961794"/>
              <a:gd name="connsiteY4" fmla="*/ 0 h 80495"/>
              <a:gd name="connsiteX0" fmla="*/ 250864 w 961794"/>
              <a:gd name="connsiteY0" fmla="*/ 0 h 93981"/>
              <a:gd name="connsiteX1" fmla="*/ 961794 w 961794"/>
              <a:gd name="connsiteY1" fmla="*/ 24417 h 93981"/>
              <a:gd name="connsiteX2" fmla="*/ 720000 w 961794"/>
              <a:gd name="connsiteY2" fmla="*/ 93981 h 93981"/>
              <a:gd name="connsiteX3" fmla="*/ 0 w 961794"/>
              <a:gd name="connsiteY3" fmla="*/ 93981 h 93981"/>
              <a:gd name="connsiteX4" fmla="*/ 250864 w 961794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10933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10933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  <a:gd name="connsiteX0" fmla="*/ 250864 w 969298"/>
              <a:gd name="connsiteY0" fmla="*/ 0 h 93981"/>
              <a:gd name="connsiteX1" fmla="*/ 969298 w 969298"/>
              <a:gd name="connsiteY1" fmla="*/ 4189 h 93981"/>
              <a:gd name="connsiteX2" fmla="*/ 720000 w 969298"/>
              <a:gd name="connsiteY2" fmla="*/ 93981 h 93981"/>
              <a:gd name="connsiteX3" fmla="*/ 0 w 969298"/>
              <a:gd name="connsiteY3" fmla="*/ 93981 h 93981"/>
              <a:gd name="connsiteX4" fmla="*/ 250864 w 969298"/>
              <a:gd name="connsiteY4" fmla="*/ 0 h 93981"/>
              <a:gd name="connsiteX0" fmla="*/ 270463 w 969298"/>
              <a:gd name="connsiteY0" fmla="*/ 327660 h 327660"/>
              <a:gd name="connsiteX1" fmla="*/ 969298 w 969298"/>
              <a:gd name="connsiteY1" fmla="*/ -1 h 327660"/>
              <a:gd name="connsiteX2" fmla="*/ 720000 w 969298"/>
              <a:gd name="connsiteY2" fmla="*/ 89791 h 327660"/>
              <a:gd name="connsiteX3" fmla="*/ 0 w 969298"/>
              <a:gd name="connsiteY3" fmla="*/ 89791 h 327660"/>
              <a:gd name="connsiteX4" fmla="*/ 270463 w 969298"/>
              <a:gd name="connsiteY4" fmla="*/ 327660 h 327660"/>
              <a:gd name="connsiteX0" fmla="*/ 270463 w 984978"/>
              <a:gd name="connsiteY0" fmla="*/ 237869 h 237869"/>
              <a:gd name="connsiteX1" fmla="*/ 984978 w 984978"/>
              <a:gd name="connsiteY1" fmla="*/ 220875 h 237869"/>
              <a:gd name="connsiteX2" fmla="*/ 720000 w 984978"/>
              <a:gd name="connsiteY2" fmla="*/ 0 h 237869"/>
              <a:gd name="connsiteX3" fmla="*/ 0 w 984978"/>
              <a:gd name="connsiteY3" fmla="*/ 0 h 237869"/>
              <a:gd name="connsiteX4" fmla="*/ 270463 w 984978"/>
              <a:gd name="connsiteY4" fmla="*/ 237869 h 237869"/>
              <a:gd name="connsiteX0" fmla="*/ 270463 w 984978"/>
              <a:gd name="connsiteY0" fmla="*/ 237869 h 237869"/>
              <a:gd name="connsiteX1" fmla="*/ 984978 w 984978"/>
              <a:gd name="connsiteY1" fmla="*/ 227936 h 237869"/>
              <a:gd name="connsiteX2" fmla="*/ 720000 w 984978"/>
              <a:gd name="connsiteY2" fmla="*/ 0 h 237869"/>
              <a:gd name="connsiteX3" fmla="*/ 0 w 984978"/>
              <a:gd name="connsiteY3" fmla="*/ 0 h 237869"/>
              <a:gd name="connsiteX4" fmla="*/ 270463 w 984978"/>
              <a:gd name="connsiteY4" fmla="*/ 237869 h 237869"/>
              <a:gd name="connsiteX0" fmla="*/ 270463 w 984978"/>
              <a:gd name="connsiteY0" fmla="*/ 237869 h 237869"/>
              <a:gd name="connsiteX1" fmla="*/ 984978 w 984978"/>
              <a:gd name="connsiteY1" fmla="*/ 234997 h 237869"/>
              <a:gd name="connsiteX2" fmla="*/ 720000 w 984978"/>
              <a:gd name="connsiteY2" fmla="*/ 0 h 237869"/>
              <a:gd name="connsiteX3" fmla="*/ 0 w 984978"/>
              <a:gd name="connsiteY3" fmla="*/ 0 h 237869"/>
              <a:gd name="connsiteX4" fmla="*/ 270463 w 984978"/>
              <a:gd name="connsiteY4" fmla="*/ 237869 h 23786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84978" h="237869">
                <a:moveTo>
                  <a:pt x="270463" y="237869"/>
                </a:moveTo>
                <a:lnTo>
                  <a:pt x="984978" y="234997"/>
                </a:lnTo>
                <a:lnTo>
                  <a:pt x="720000" y="0"/>
                </a:lnTo>
                <a:lnTo>
                  <a:pt x="0" y="0"/>
                </a:lnTo>
                <a:lnTo>
                  <a:pt x="270463" y="237869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6" name="矩形 56">
            <a:extLst>
              <a:ext uri="{FF2B5EF4-FFF2-40B4-BE49-F238E27FC236}">
                <a16:creationId xmlns:a16="http://schemas.microsoft.com/office/drawing/2014/main" id="{8DA1AD91-06F7-4653-9775-3BB1AC4BD0D9}"/>
              </a:ext>
            </a:extLst>
          </p:cNvPr>
          <p:cNvSpPr/>
          <p:nvPr/>
        </p:nvSpPr>
        <p:spPr>
          <a:xfrm>
            <a:off x="1051004" y="5430745"/>
            <a:ext cx="957600" cy="270222"/>
          </a:xfrm>
          <a:custGeom>
            <a:avLst/>
            <a:gdLst>
              <a:gd name="connsiteX0" fmla="*/ 0 w 781200"/>
              <a:gd name="connsiteY0" fmla="*/ 0 h 514800"/>
              <a:gd name="connsiteX1" fmla="*/ 781200 w 781200"/>
              <a:gd name="connsiteY1" fmla="*/ 0 h 514800"/>
              <a:gd name="connsiteX2" fmla="*/ 781200 w 781200"/>
              <a:gd name="connsiteY2" fmla="*/ 514800 h 514800"/>
              <a:gd name="connsiteX3" fmla="*/ 0 w 781200"/>
              <a:gd name="connsiteY3" fmla="*/ 514800 h 514800"/>
              <a:gd name="connsiteX4" fmla="*/ 0 w 781200"/>
              <a:gd name="connsiteY4" fmla="*/ 0 h 514800"/>
              <a:gd name="connsiteX0" fmla="*/ 0 w 781200"/>
              <a:gd name="connsiteY0" fmla="*/ 0 h 803787"/>
              <a:gd name="connsiteX1" fmla="*/ 515729 w 781200"/>
              <a:gd name="connsiteY1" fmla="*/ 803787 h 803787"/>
              <a:gd name="connsiteX2" fmla="*/ 781200 w 781200"/>
              <a:gd name="connsiteY2" fmla="*/ 514800 h 803787"/>
              <a:gd name="connsiteX3" fmla="*/ 0 w 781200"/>
              <a:gd name="connsiteY3" fmla="*/ 514800 h 803787"/>
              <a:gd name="connsiteX4" fmla="*/ 0 w 781200"/>
              <a:gd name="connsiteY4" fmla="*/ 0 h 803787"/>
              <a:gd name="connsiteX0" fmla="*/ 0 w 1031922"/>
              <a:gd name="connsiteY0" fmla="*/ 274238 h 288987"/>
              <a:gd name="connsiteX1" fmla="*/ 766451 w 1031922"/>
              <a:gd name="connsiteY1" fmla="*/ 288987 h 288987"/>
              <a:gd name="connsiteX2" fmla="*/ 1031922 w 1031922"/>
              <a:gd name="connsiteY2" fmla="*/ 0 h 288987"/>
              <a:gd name="connsiteX3" fmla="*/ 250722 w 1031922"/>
              <a:gd name="connsiteY3" fmla="*/ 0 h 288987"/>
              <a:gd name="connsiteX4" fmla="*/ 0 w 1031922"/>
              <a:gd name="connsiteY4" fmla="*/ 274238 h 288987"/>
              <a:gd name="connsiteX0" fmla="*/ 0 w 1039296"/>
              <a:gd name="connsiteY0" fmla="*/ 274238 h 288987"/>
              <a:gd name="connsiteX1" fmla="*/ 773825 w 1039296"/>
              <a:gd name="connsiteY1" fmla="*/ 288987 h 288987"/>
              <a:gd name="connsiteX2" fmla="*/ 1039296 w 1039296"/>
              <a:gd name="connsiteY2" fmla="*/ 0 h 288987"/>
              <a:gd name="connsiteX3" fmla="*/ 258096 w 1039296"/>
              <a:gd name="connsiteY3" fmla="*/ 0 h 288987"/>
              <a:gd name="connsiteX4" fmla="*/ 0 w 1039296"/>
              <a:gd name="connsiteY4" fmla="*/ 274238 h 288987"/>
              <a:gd name="connsiteX0" fmla="*/ 0 w 1039296"/>
              <a:gd name="connsiteY0" fmla="*/ 274238 h 303735"/>
              <a:gd name="connsiteX1" fmla="*/ 773825 w 1039296"/>
              <a:gd name="connsiteY1" fmla="*/ 303735 h 303735"/>
              <a:gd name="connsiteX2" fmla="*/ 1039296 w 1039296"/>
              <a:gd name="connsiteY2" fmla="*/ 0 h 303735"/>
              <a:gd name="connsiteX3" fmla="*/ 258096 w 1039296"/>
              <a:gd name="connsiteY3" fmla="*/ 0 h 303735"/>
              <a:gd name="connsiteX4" fmla="*/ 0 w 1039296"/>
              <a:gd name="connsiteY4" fmla="*/ 274238 h 303735"/>
              <a:gd name="connsiteX0" fmla="*/ 0 w 1039296"/>
              <a:gd name="connsiteY0" fmla="*/ 274238 h 296361"/>
              <a:gd name="connsiteX1" fmla="*/ 773825 w 1039296"/>
              <a:gd name="connsiteY1" fmla="*/ 296361 h 296361"/>
              <a:gd name="connsiteX2" fmla="*/ 1039296 w 1039296"/>
              <a:gd name="connsiteY2" fmla="*/ 0 h 296361"/>
              <a:gd name="connsiteX3" fmla="*/ 258096 w 1039296"/>
              <a:gd name="connsiteY3" fmla="*/ 0 h 296361"/>
              <a:gd name="connsiteX4" fmla="*/ 0 w 1039296"/>
              <a:gd name="connsiteY4" fmla="*/ 274238 h 296361"/>
              <a:gd name="connsiteX0" fmla="*/ 0 w 1039296"/>
              <a:gd name="connsiteY0" fmla="*/ 274238 h 288986"/>
              <a:gd name="connsiteX1" fmla="*/ 773825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5697"/>
              <a:gd name="connsiteX1" fmla="*/ 781199 w 1039296"/>
              <a:gd name="connsiteY1" fmla="*/ 285697 h 285697"/>
              <a:gd name="connsiteX2" fmla="*/ 1039296 w 1039296"/>
              <a:gd name="connsiteY2" fmla="*/ 0 h 285697"/>
              <a:gd name="connsiteX3" fmla="*/ 258096 w 1039296"/>
              <a:gd name="connsiteY3" fmla="*/ 0 h 285697"/>
              <a:gd name="connsiteX4" fmla="*/ 0 w 1039296"/>
              <a:gd name="connsiteY4" fmla="*/ 274238 h 285697"/>
              <a:gd name="connsiteX0" fmla="*/ 0 w 1039296"/>
              <a:gd name="connsiteY0" fmla="*/ 274238 h 282408"/>
              <a:gd name="connsiteX1" fmla="*/ 781199 w 1039296"/>
              <a:gd name="connsiteY1" fmla="*/ 282408 h 282408"/>
              <a:gd name="connsiteX2" fmla="*/ 1039296 w 1039296"/>
              <a:gd name="connsiteY2" fmla="*/ 0 h 282408"/>
              <a:gd name="connsiteX3" fmla="*/ 258096 w 1039296"/>
              <a:gd name="connsiteY3" fmla="*/ 0 h 282408"/>
              <a:gd name="connsiteX4" fmla="*/ 0 w 1039296"/>
              <a:gd name="connsiteY4" fmla="*/ 274238 h 28240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77910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52452"/>
              <a:gd name="connsiteY0" fmla="*/ 277527 h 279118"/>
              <a:gd name="connsiteX1" fmla="*/ 791066 w 1052452"/>
              <a:gd name="connsiteY1" fmla="*/ 279118 h 279118"/>
              <a:gd name="connsiteX2" fmla="*/ 1052452 w 1052452"/>
              <a:gd name="connsiteY2" fmla="*/ 0 h 279118"/>
              <a:gd name="connsiteX3" fmla="*/ 271252 w 1052452"/>
              <a:gd name="connsiteY3" fmla="*/ 0 h 279118"/>
              <a:gd name="connsiteX4" fmla="*/ 0 w 105245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0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9867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67660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7660 h 26925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49162" h="269251">
                <a:moveTo>
                  <a:pt x="0" y="267660"/>
                </a:moveTo>
                <a:lnTo>
                  <a:pt x="787776" y="269251"/>
                </a:lnTo>
                <a:lnTo>
                  <a:pt x="1049162" y="0"/>
                </a:lnTo>
                <a:lnTo>
                  <a:pt x="264658" y="0"/>
                </a:lnTo>
                <a:lnTo>
                  <a:pt x="0" y="267660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7" name="矩形 55">
            <a:extLst>
              <a:ext uri="{FF2B5EF4-FFF2-40B4-BE49-F238E27FC236}">
                <a16:creationId xmlns:a16="http://schemas.microsoft.com/office/drawing/2014/main" id="{C8F7E680-0488-4D66-93F2-5D3F5AEA1291}"/>
              </a:ext>
            </a:extLst>
          </p:cNvPr>
          <p:cNvSpPr/>
          <p:nvPr/>
        </p:nvSpPr>
        <p:spPr>
          <a:xfrm rot="16200000">
            <a:off x="1211338" y="4913203"/>
            <a:ext cx="1340528" cy="226701"/>
          </a:xfrm>
          <a:custGeom>
            <a:avLst/>
            <a:gdLst>
              <a:gd name="connsiteX0" fmla="*/ 0 w 1044000"/>
              <a:gd name="connsiteY0" fmla="*/ 0 h 514800"/>
              <a:gd name="connsiteX1" fmla="*/ 1044000 w 1044000"/>
              <a:gd name="connsiteY1" fmla="*/ 0 h 514800"/>
              <a:gd name="connsiteX2" fmla="*/ 1044000 w 1044000"/>
              <a:gd name="connsiteY2" fmla="*/ 514800 h 514800"/>
              <a:gd name="connsiteX3" fmla="*/ 0 w 1044000"/>
              <a:gd name="connsiteY3" fmla="*/ 514800 h 514800"/>
              <a:gd name="connsiteX4" fmla="*/ 0 w 1044000"/>
              <a:gd name="connsiteY4" fmla="*/ 0 h 514800"/>
              <a:gd name="connsiteX0" fmla="*/ 280219 w 1324219"/>
              <a:gd name="connsiteY0" fmla="*/ 266864 h 781664"/>
              <a:gd name="connsiteX1" fmla="*/ 1324219 w 1324219"/>
              <a:gd name="connsiteY1" fmla="*/ 266864 h 781664"/>
              <a:gd name="connsiteX2" fmla="*/ 1324219 w 1324219"/>
              <a:gd name="connsiteY2" fmla="*/ 781664 h 781664"/>
              <a:gd name="connsiteX3" fmla="*/ 0 w 1324219"/>
              <a:gd name="connsiteY3" fmla="*/ 0 h 781664"/>
              <a:gd name="connsiteX4" fmla="*/ 280219 w 1324219"/>
              <a:gd name="connsiteY4" fmla="*/ 266864 h 7816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77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36626 w 1324219"/>
              <a:gd name="connsiteY2" fmla="*/ 7380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29252 w 1324219"/>
              <a:gd name="connsiteY2" fmla="*/ 9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44000 w 1324219"/>
              <a:gd name="connsiteY2" fmla="*/ 1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80219 w 1324219"/>
              <a:gd name="connsiteY0" fmla="*/ 266864 h 266864"/>
              <a:gd name="connsiteX1" fmla="*/ 1324219 w 1324219"/>
              <a:gd name="connsiteY1" fmla="*/ 266864 h 266864"/>
              <a:gd name="connsiteX2" fmla="*/ 1071184 w 1324219"/>
              <a:gd name="connsiteY2" fmla="*/ 35972 h 266864"/>
              <a:gd name="connsiteX3" fmla="*/ 0 w 1324219"/>
              <a:gd name="connsiteY3" fmla="*/ 0 h 266864"/>
              <a:gd name="connsiteX4" fmla="*/ 280219 w 1324219"/>
              <a:gd name="connsiteY4" fmla="*/ 266864 h 266864"/>
              <a:gd name="connsiteX0" fmla="*/ 236045 w 1280045"/>
              <a:gd name="connsiteY0" fmla="*/ 230892 h 230892"/>
              <a:gd name="connsiteX1" fmla="*/ 1280045 w 1280045"/>
              <a:gd name="connsiteY1" fmla="*/ 230892 h 230892"/>
              <a:gd name="connsiteX2" fmla="*/ 1027010 w 1280045"/>
              <a:gd name="connsiteY2" fmla="*/ 0 h 230892"/>
              <a:gd name="connsiteX3" fmla="*/ 0 w 1280045"/>
              <a:gd name="connsiteY3" fmla="*/ 3585 h 230892"/>
              <a:gd name="connsiteX4" fmla="*/ 236045 w 1280045"/>
              <a:gd name="connsiteY4" fmla="*/ 230892 h 230892"/>
              <a:gd name="connsiteX0" fmla="*/ 239444 w 1283444"/>
              <a:gd name="connsiteY0" fmla="*/ 230892 h 230892"/>
              <a:gd name="connsiteX1" fmla="*/ 1283444 w 1283444"/>
              <a:gd name="connsiteY1" fmla="*/ 230892 h 230892"/>
              <a:gd name="connsiteX2" fmla="*/ 1030409 w 1283444"/>
              <a:gd name="connsiteY2" fmla="*/ 0 h 230892"/>
              <a:gd name="connsiteX3" fmla="*/ 0 w 1283444"/>
              <a:gd name="connsiteY3" fmla="*/ 3585 h 230892"/>
              <a:gd name="connsiteX4" fmla="*/ 239444 w 1283444"/>
              <a:gd name="connsiteY4" fmla="*/ 230892 h 230892"/>
              <a:gd name="connsiteX0" fmla="*/ 246241 w 1290241"/>
              <a:gd name="connsiteY0" fmla="*/ 230892 h 230892"/>
              <a:gd name="connsiteX1" fmla="*/ 1290241 w 1290241"/>
              <a:gd name="connsiteY1" fmla="*/ 230892 h 230892"/>
              <a:gd name="connsiteX2" fmla="*/ 1037206 w 1290241"/>
              <a:gd name="connsiteY2" fmla="*/ 0 h 230892"/>
              <a:gd name="connsiteX3" fmla="*/ 0 w 1290241"/>
              <a:gd name="connsiteY3" fmla="*/ 3588 h 230892"/>
              <a:gd name="connsiteX4" fmla="*/ 246241 w 1290241"/>
              <a:gd name="connsiteY4" fmla="*/ 230892 h 23089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290241" h="230892">
                <a:moveTo>
                  <a:pt x="246241" y="230892"/>
                </a:moveTo>
                <a:lnTo>
                  <a:pt x="1290241" y="230892"/>
                </a:lnTo>
                <a:lnTo>
                  <a:pt x="1037206" y="0"/>
                </a:lnTo>
                <a:lnTo>
                  <a:pt x="0" y="3588"/>
                </a:lnTo>
                <a:lnTo>
                  <a:pt x="246241" y="230892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8" name="矩形 107">
            <a:extLst>
              <a:ext uri="{FF2B5EF4-FFF2-40B4-BE49-F238E27FC236}">
                <a16:creationId xmlns:a16="http://schemas.microsoft.com/office/drawing/2014/main" id="{F10911EF-C664-4B19-A99C-740723E61466}"/>
              </a:ext>
            </a:extLst>
          </p:cNvPr>
          <p:cNvSpPr/>
          <p:nvPr/>
        </p:nvSpPr>
        <p:spPr>
          <a:xfrm>
            <a:off x="1059247" y="4618685"/>
            <a:ext cx="720000" cy="108000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9" name="矩形 56">
            <a:extLst>
              <a:ext uri="{FF2B5EF4-FFF2-40B4-BE49-F238E27FC236}">
                <a16:creationId xmlns:a16="http://schemas.microsoft.com/office/drawing/2014/main" id="{AD21965A-111F-453B-A30B-67326AC12397}"/>
              </a:ext>
            </a:extLst>
          </p:cNvPr>
          <p:cNvSpPr/>
          <p:nvPr/>
        </p:nvSpPr>
        <p:spPr>
          <a:xfrm>
            <a:off x="1054223" y="4354697"/>
            <a:ext cx="945474" cy="263988"/>
          </a:xfrm>
          <a:custGeom>
            <a:avLst/>
            <a:gdLst>
              <a:gd name="connsiteX0" fmla="*/ 0 w 781200"/>
              <a:gd name="connsiteY0" fmla="*/ 0 h 514800"/>
              <a:gd name="connsiteX1" fmla="*/ 781200 w 781200"/>
              <a:gd name="connsiteY1" fmla="*/ 0 h 514800"/>
              <a:gd name="connsiteX2" fmla="*/ 781200 w 781200"/>
              <a:gd name="connsiteY2" fmla="*/ 514800 h 514800"/>
              <a:gd name="connsiteX3" fmla="*/ 0 w 781200"/>
              <a:gd name="connsiteY3" fmla="*/ 514800 h 514800"/>
              <a:gd name="connsiteX4" fmla="*/ 0 w 781200"/>
              <a:gd name="connsiteY4" fmla="*/ 0 h 514800"/>
              <a:gd name="connsiteX0" fmla="*/ 0 w 781200"/>
              <a:gd name="connsiteY0" fmla="*/ 0 h 803787"/>
              <a:gd name="connsiteX1" fmla="*/ 515729 w 781200"/>
              <a:gd name="connsiteY1" fmla="*/ 803787 h 803787"/>
              <a:gd name="connsiteX2" fmla="*/ 781200 w 781200"/>
              <a:gd name="connsiteY2" fmla="*/ 514800 h 803787"/>
              <a:gd name="connsiteX3" fmla="*/ 0 w 781200"/>
              <a:gd name="connsiteY3" fmla="*/ 514800 h 803787"/>
              <a:gd name="connsiteX4" fmla="*/ 0 w 781200"/>
              <a:gd name="connsiteY4" fmla="*/ 0 h 803787"/>
              <a:gd name="connsiteX0" fmla="*/ 0 w 1031922"/>
              <a:gd name="connsiteY0" fmla="*/ 274238 h 288987"/>
              <a:gd name="connsiteX1" fmla="*/ 766451 w 1031922"/>
              <a:gd name="connsiteY1" fmla="*/ 288987 h 288987"/>
              <a:gd name="connsiteX2" fmla="*/ 1031922 w 1031922"/>
              <a:gd name="connsiteY2" fmla="*/ 0 h 288987"/>
              <a:gd name="connsiteX3" fmla="*/ 250722 w 1031922"/>
              <a:gd name="connsiteY3" fmla="*/ 0 h 288987"/>
              <a:gd name="connsiteX4" fmla="*/ 0 w 1031922"/>
              <a:gd name="connsiteY4" fmla="*/ 274238 h 288987"/>
              <a:gd name="connsiteX0" fmla="*/ 0 w 1039296"/>
              <a:gd name="connsiteY0" fmla="*/ 274238 h 288987"/>
              <a:gd name="connsiteX1" fmla="*/ 773825 w 1039296"/>
              <a:gd name="connsiteY1" fmla="*/ 288987 h 288987"/>
              <a:gd name="connsiteX2" fmla="*/ 1039296 w 1039296"/>
              <a:gd name="connsiteY2" fmla="*/ 0 h 288987"/>
              <a:gd name="connsiteX3" fmla="*/ 258096 w 1039296"/>
              <a:gd name="connsiteY3" fmla="*/ 0 h 288987"/>
              <a:gd name="connsiteX4" fmla="*/ 0 w 1039296"/>
              <a:gd name="connsiteY4" fmla="*/ 274238 h 288987"/>
              <a:gd name="connsiteX0" fmla="*/ 0 w 1039296"/>
              <a:gd name="connsiteY0" fmla="*/ 274238 h 303735"/>
              <a:gd name="connsiteX1" fmla="*/ 773825 w 1039296"/>
              <a:gd name="connsiteY1" fmla="*/ 303735 h 303735"/>
              <a:gd name="connsiteX2" fmla="*/ 1039296 w 1039296"/>
              <a:gd name="connsiteY2" fmla="*/ 0 h 303735"/>
              <a:gd name="connsiteX3" fmla="*/ 258096 w 1039296"/>
              <a:gd name="connsiteY3" fmla="*/ 0 h 303735"/>
              <a:gd name="connsiteX4" fmla="*/ 0 w 1039296"/>
              <a:gd name="connsiteY4" fmla="*/ 274238 h 303735"/>
              <a:gd name="connsiteX0" fmla="*/ 0 w 1039296"/>
              <a:gd name="connsiteY0" fmla="*/ 274238 h 296361"/>
              <a:gd name="connsiteX1" fmla="*/ 773825 w 1039296"/>
              <a:gd name="connsiteY1" fmla="*/ 296361 h 296361"/>
              <a:gd name="connsiteX2" fmla="*/ 1039296 w 1039296"/>
              <a:gd name="connsiteY2" fmla="*/ 0 h 296361"/>
              <a:gd name="connsiteX3" fmla="*/ 258096 w 1039296"/>
              <a:gd name="connsiteY3" fmla="*/ 0 h 296361"/>
              <a:gd name="connsiteX4" fmla="*/ 0 w 1039296"/>
              <a:gd name="connsiteY4" fmla="*/ 274238 h 296361"/>
              <a:gd name="connsiteX0" fmla="*/ 0 w 1039296"/>
              <a:gd name="connsiteY0" fmla="*/ 274238 h 288986"/>
              <a:gd name="connsiteX1" fmla="*/ 773825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8986"/>
              <a:gd name="connsiteX1" fmla="*/ 781199 w 1039296"/>
              <a:gd name="connsiteY1" fmla="*/ 288986 h 288986"/>
              <a:gd name="connsiteX2" fmla="*/ 1039296 w 1039296"/>
              <a:gd name="connsiteY2" fmla="*/ 0 h 288986"/>
              <a:gd name="connsiteX3" fmla="*/ 258096 w 1039296"/>
              <a:gd name="connsiteY3" fmla="*/ 0 h 288986"/>
              <a:gd name="connsiteX4" fmla="*/ 0 w 1039296"/>
              <a:gd name="connsiteY4" fmla="*/ 274238 h 288986"/>
              <a:gd name="connsiteX0" fmla="*/ 0 w 1039296"/>
              <a:gd name="connsiteY0" fmla="*/ 274238 h 285697"/>
              <a:gd name="connsiteX1" fmla="*/ 781199 w 1039296"/>
              <a:gd name="connsiteY1" fmla="*/ 285697 h 285697"/>
              <a:gd name="connsiteX2" fmla="*/ 1039296 w 1039296"/>
              <a:gd name="connsiteY2" fmla="*/ 0 h 285697"/>
              <a:gd name="connsiteX3" fmla="*/ 258096 w 1039296"/>
              <a:gd name="connsiteY3" fmla="*/ 0 h 285697"/>
              <a:gd name="connsiteX4" fmla="*/ 0 w 1039296"/>
              <a:gd name="connsiteY4" fmla="*/ 274238 h 285697"/>
              <a:gd name="connsiteX0" fmla="*/ 0 w 1039296"/>
              <a:gd name="connsiteY0" fmla="*/ 274238 h 282408"/>
              <a:gd name="connsiteX1" fmla="*/ 781199 w 1039296"/>
              <a:gd name="connsiteY1" fmla="*/ 282408 h 282408"/>
              <a:gd name="connsiteX2" fmla="*/ 1039296 w 1039296"/>
              <a:gd name="connsiteY2" fmla="*/ 0 h 282408"/>
              <a:gd name="connsiteX3" fmla="*/ 258096 w 1039296"/>
              <a:gd name="connsiteY3" fmla="*/ 0 h 282408"/>
              <a:gd name="connsiteX4" fmla="*/ 0 w 1039296"/>
              <a:gd name="connsiteY4" fmla="*/ 274238 h 28240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84488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39296"/>
              <a:gd name="connsiteY0" fmla="*/ 274238 h 279118"/>
              <a:gd name="connsiteX1" fmla="*/ 777910 w 1039296"/>
              <a:gd name="connsiteY1" fmla="*/ 279118 h 279118"/>
              <a:gd name="connsiteX2" fmla="*/ 1039296 w 1039296"/>
              <a:gd name="connsiteY2" fmla="*/ 0 h 279118"/>
              <a:gd name="connsiteX3" fmla="*/ 258096 w 1039296"/>
              <a:gd name="connsiteY3" fmla="*/ 0 h 279118"/>
              <a:gd name="connsiteX4" fmla="*/ 0 w 1039296"/>
              <a:gd name="connsiteY4" fmla="*/ 274238 h 279118"/>
              <a:gd name="connsiteX0" fmla="*/ 0 w 1052452"/>
              <a:gd name="connsiteY0" fmla="*/ 277527 h 279118"/>
              <a:gd name="connsiteX1" fmla="*/ 791066 w 1052452"/>
              <a:gd name="connsiteY1" fmla="*/ 279118 h 279118"/>
              <a:gd name="connsiteX2" fmla="*/ 1052452 w 1052452"/>
              <a:gd name="connsiteY2" fmla="*/ 0 h 279118"/>
              <a:gd name="connsiteX3" fmla="*/ 271252 w 1052452"/>
              <a:gd name="connsiteY3" fmla="*/ 0 h 279118"/>
              <a:gd name="connsiteX4" fmla="*/ 0 w 105245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0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77527 h 279118"/>
              <a:gd name="connsiteX1" fmla="*/ 787776 w 1049162"/>
              <a:gd name="connsiteY1" fmla="*/ 279118 h 279118"/>
              <a:gd name="connsiteX2" fmla="*/ 1049162 w 1049162"/>
              <a:gd name="connsiteY2" fmla="*/ 9867 h 279118"/>
              <a:gd name="connsiteX3" fmla="*/ 267962 w 1049162"/>
              <a:gd name="connsiteY3" fmla="*/ 0 h 279118"/>
              <a:gd name="connsiteX4" fmla="*/ 0 w 1049162"/>
              <a:gd name="connsiteY4" fmla="*/ 277527 h 279118"/>
              <a:gd name="connsiteX0" fmla="*/ 0 w 1049162"/>
              <a:gd name="connsiteY0" fmla="*/ 267660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7660 h 269251"/>
              <a:gd name="connsiteX0" fmla="*/ 0 w 1049162"/>
              <a:gd name="connsiteY0" fmla="*/ 275005 h 275005"/>
              <a:gd name="connsiteX1" fmla="*/ 787776 w 1049162"/>
              <a:gd name="connsiteY1" fmla="*/ 269251 h 275005"/>
              <a:gd name="connsiteX2" fmla="*/ 1049162 w 1049162"/>
              <a:gd name="connsiteY2" fmla="*/ 0 h 275005"/>
              <a:gd name="connsiteX3" fmla="*/ 264658 w 1049162"/>
              <a:gd name="connsiteY3" fmla="*/ 0 h 275005"/>
              <a:gd name="connsiteX4" fmla="*/ 0 w 1049162"/>
              <a:gd name="connsiteY4" fmla="*/ 275005 h 275005"/>
              <a:gd name="connsiteX0" fmla="*/ 0 w 1049162"/>
              <a:gd name="connsiteY0" fmla="*/ 263988 h 269251"/>
              <a:gd name="connsiteX1" fmla="*/ 787776 w 1049162"/>
              <a:gd name="connsiteY1" fmla="*/ 269251 h 269251"/>
              <a:gd name="connsiteX2" fmla="*/ 1049162 w 1049162"/>
              <a:gd name="connsiteY2" fmla="*/ 0 h 269251"/>
              <a:gd name="connsiteX3" fmla="*/ 264658 w 1049162"/>
              <a:gd name="connsiteY3" fmla="*/ 0 h 269251"/>
              <a:gd name="connsiteX4" fmla="*/ 0 w 1049162"/>
              <a:gd name="connsiteY4" fmla="*/ 263988 h 269251"/>
              <a:gd name="connsiteX0" fmla="*/ 0 w 1049162"/>
              <a:gd name="connsiteY0" fmla="*/ 263988 h 265579"/>
              <a:gd name="connsiteX1" fmla="*/ 787776 w 1049162"/>
              <a:gd name="connsiteY1" fmla="*/ 265579 h 265579"/>
              <a:gd name="connsiteX2" fmla="*/ 1049162 w 1049162"/>
              <a:gd name="connsiteY2" fmla="*/ 0 h 265579"/>
              <a:gd name="connsiteX3" fmla="*/ 264658 w 1049162"/>
              <a:gd name="connsiteY3" fmla="*/ 0 h 265579"/>
              <a:gd name="connsiteX4" fmla="*/ 0 w 1049162"/>
              <a:gd name="connsiteY4" fmla="*/ 263988 h 265579"/>
              <a:gd name="connsiteX0" fmla="*/ 0 w 1049162"/>
              <a:gd name="connsiteY0" fmla="*/ 263988 h 265579"/>
              <a:gd name="connsiteX1" fmla="*/ 795152 w 1049162"/>
              <a:gd name="connsiteY1" fmla="*/ 265579 h 265579"/>
              <a:gd name="connsiteX2" fmla="*/ 1049162 w 1049162"/>
              <a:gd name="connsiteY2" fmla="*/ 0 h 265579"/>
              <a:gd name="connsiteX3" fmla="*/ 264658 w 1049162"/>
              <a:gd name="connsiteY3" fmla="*/ 0 h 265579"/>
              <a:gd name="connsiteX4" fmla="*/ 0 w 1049162"/>
              <a:gd name="connsiteY4" fmla="*/ 263988 h 265579"/>
              <a:gd name="connsiteX0" fmla="*/ 0 w 1049162"/>
              <a:gd name="connsiteY0" fmla="*/ 263988 h 263988"/>
              <a:gd name="connsiteX1" fmla="*/ 802529 w 1049162"/>
              <a:gd name="connsiteY1" fmla="*/ 261906 h 263988"/>
              <a:gd name="connsiteX2" fmla="*/ 1049162 w 1049162"/>
              <a:gd name="connsiteY2" fmla="*/ 0 h 263988"/>
              <a:gd name="connsiteX3" fmla="*/ 264658 w 1049162"/>
              <a:gd name="connsiteY3" fmla="*/ 0 h 263988"/>
              <a:gd name="connsiteX4" fmla="*/ 0 w 1049162"/>
              <a:gd name="connsiteY4" fmla="*/ 263988 h 2639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49162" h="263988">
                <a:moveTo>
                  <a:pt x="0" y="263988"/>
                </a:moveTo>
                <a:lnTo>
                  <a:pt x="802529" y="261906"/>
                </a:lnTo>
                <a:lnTo>
                  <a:pt x="1049162" y="0"/>
                </a:lnTo>
                <a:lnTo>
                  <a:pt x="264658" y="0"/>
                </a:lnTo>
                <a:lnTo>
                  <a:pt x="0" y="263988"/>
                </a:lnTo>
                <a:close/>
              </a:path>
            </a:pathLst>
          </a:custGeom>
          <a:solidFill>
            <a:schemeClr val="accent2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110" name="组合 109">
            <a:extLst>
              <a:ext uri="{FF2B5EF4-FFF2-40B4-BE49-F238E27FC236}">
                <a16:creationId xmlns:a16="http://schemas.microsoft.com/office/drawing/2014/main" id="{553012DA-8853-4FF3-89D5-86FF70E033C4}"/>
              </a:ext>
            </a:extLst>
          </p:cNvPr>
          <p:cNvGrpSpPr/>
          <p:nvPr/>
        </p:nvGrpSpPr>
        <p:grpSpPr>
          <a:xfrm>
            <a:off x="1059376" y="4350761"/>
            <a:ext cx="1739017" cy="1615450"/>
            <a:chOff x="5218864" y="4528537"/>
            <a:chExt cx="1739017" cy="1615450"/>
          </a:xfrm>
        </p:grpSpPr>
        <p:sp>
          <p:nvSpPr>
            <p:cNvPr id="111" name="Text Box 50">
              <a:extLst>
                <a:ext uri="{FF2B5EF4-FFF2-40B4-BE49-F238E27FC236}">
                  <a16:creationId xmlns:a16="http://schemas.microsoft.com/office/drawing/2014/main" id="{A112F1D9-5D6A-4BDE-B697-863A13D843E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071196" y="4928647"/>
              <a:ext cx="8866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/>
                <a:t>12cm</a:t>
              </a:r>
            </a:p>
          </p:txBody>
        </p:sp>
        <p:sp>
          <p:nvSpPr>
            <p:cNvPr id="112" name="Text Box 50">
              <a:extLst>
                <a:ext uri="{FF2B5EF4-FFF2-40B4-BE49-F238E27FC236}">
                  <a16:creationId xmlns:a16="http://schemas.microsoft.com/office/drawing/2014/main" id="{76DE969E-B620-4F18-BB4C-FEA0B29531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024832" y="5605378"/>
              <a:ext cx="7342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/>
                <a:t>8cm</a:t>
              </a:r>
            </a:p>
          </p:txBody>
        </p:sp>
        <p:sp>
          <p:nvSpPr>
            <p:cNvPr id="113" name="Text Box 50">
              <a:extLst>
                <a:ext uri="{FF2B5EF4-FFF2-40B4-BE49-F238E27FC236}">
                  <a16:creationId xmlns:a16="http://schemas.microsoft.com/office/drawing/2014/main" id="{13703567-6ADB-46F8-8B83-8A39B3A60C5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290547" y="5805433"/>
              <a:ext cx="7342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/>
                <a:t>8cm</a:t>
              </a:r>
            </a:p>
          </p:txBody>
        </p:sp>
        <p:sp>
          <p:nvSpPr>
            <p:cNvPr id="114" name="矩形 113">
              <a:extLst>
                <a:ext uri="{FF2B5EF4-FFF2-40B4-BE49-F238E27FC236}">
                  <a16:creationId xmlns:a16="http://schemas.microsoft.com/office/drawing/2014/main" id="{48A0254B-74B7-4602-8965-7A10DCCFB3EC}"/>
                </a:ext>
              </a:extLst>
            </p:cNvPr>
            <p:cNvSpPr/>
            <p:nvPr/>
          </p:nvSpPr>
          <p:spPr>
            <a:xfrm>
              <a:off x="5218864" y="4792525"/>
              <a:ext cx="720000" cy="1080000"/>
            </a:xfrm>
            <a:prstGeom prst="rect">
              <a:avLst/>
            </a:pr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115" name="矩形 55">
              <a:extLst>
                <a:ext uri="{FF2B5EF4-FFF2-40B4-BE49-F238E27FC236}">
                  <a16:creationId xmlns:a16="http://schemas.microsoft.com/office/drawing/2014/main" id="{E858B863-674F-4B1C-A120-C0F0406FB5B9}"/>
                </a:ext>
              </a:extLst>
            </p:cNvPr>
            <p:cNvSpPr/>
            <p:nvPr/>
          </p:nvSpPr>
          <p:spPr>
            <a:xfrm rot="16200000">
              <a:off x="5381264" y="5085751"/>
              <a:ext cx="1340528" cy="226701"/>
            </a:xfrm>
            <a:custGeom>
              <a:avLst/>
              <a:gdLst>
                <a:gd name="connsiteX0" fmla="*/ 0 w 1044000"/>
                <a:gd name="connsiteY0" fmla="*/ 0 h 514800"/>
                <a:gd name="connsiteX1" fmla="*/ 1044000 w 1044000"/>
                <a:gd name="connsiteY1" fmla="*/ 0 h 514800"/>
                <a:gd name="connsiteX2" fmla="*/ 1044000 w 1044000"/>
                <a:gd name="connsiteY2" fmla="*/ 514800 h 514800"/>
                <a:gd name="connsiteX3" fmla="*/ 0 w 1044000"/>
                <a:gd name="connsiteY3" fmla="*/ 514800 h 514800"/>
                <a:gd name="connsiteX4" fmla="*/ 0 w 1044000"/>
                <a:gd name="connsiteY4" fmla="*/ 0 h 514800"/>
                <a:gd name="connsiteX0" fmla="*/ 280219 w 1324219"/>
                <a:gd name="connsiteY0" fmla="*/ 266864 h 781664"/>
                <a:gd name="connsiteX1" fmla="*/ 1324219 w 1324219"/>
                <a:gd name="connsiteY1" fmla="*/ 266864 h 781664"/>
                <a:gd name="connsiteX2" fmla="*/ 1324219 w 1324219"/>
                <a:gd name="connsiteY2" fmla="*/ 781664 h 781664"/>
                <a:gd name="connsiteX3" fmla="*/ 0 w 1324219"/>
                <a:gd name="connsiteY3" fmla="*/ 0 h 781664"/>
                <a:gd name="connsiteX4" fmla="*/ 280219 w 1324219"/>
                <a:gd name="connsiteY4" fmla="*/ 266864 h 7816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77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36626 w 1324219"/>
                <a:gd name="connsiteY2" fmla="*/ 7380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29252 w 1324219"/>
                <a:gd name="connsiteY2" fmla="*/ 9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44000 w 1324219"/>
                <a:gd name="connsiteY2" fmla="*/ 1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80219 w 1324219"/>
                <a:gd name="connsiteY0" fmla="*/ 266864 h 266864"/>
                <a:gd name="connsiteX1" fmla="*/ 1324219 w 1324219"/>
                <a:gd name="connsiteY1" fmla="*/ 266864 h 266864"/>
                <a:gd name="connsiteX2" fmla="*/ 1071184 w 1324219"/>
                <a:gd name="connsiteY2" fmla="*/ 35972 h 266864"/>
                <a:gd name="connsiteX3" fmla="*/ 0 w 1324219"/>
                <a:gd name="connsiteY3" fmla="*/ 0 h 266864"/>
                <a:gd name="connsiteX4" fmla="*/ 280219 w 1324219"/>
                <a:gd name="connsiteY4" fmla="*/ 266864 h 266864"/>
                <a:gd name="connsiteX0" fmla="*/ 236045 w 1280045"/>
                <a:gd name="connsiteY0" fmla="*/ 230892 h 230892"/>
                <a:gd name="connsiteX1" fmla="*/ 1280045 w 1280045"/>
                <a:gd name="connsiteY1" fmla="*/ 230892 h 230892"/>
                <a:gd name="connsiteX2" fmla="*/ 1027010 w 1280045"/>
                <a:gd name="connsiteY2" fmla="*/ 0 h 230892"/>
                <a:gd name="connsiteX3" fmla="*/ 0 w 1280045"/>
                <a:gd name="connsiteY3" fmla="*/ 3585 h 230892"/>
                <a:gd name="connsiteX4" fmla="*/ 236045 w 1280045"/>
                <a:gd name="connsiteY4" fmla="*/ 230892 h 230892"/>
                <a:gd name="connsiteX0" fmla="*/ 239444 w 1283444"/>
                <a:gd name="connsiteY0" fmla="*/ 230892 h 230892"/>
                <a:gd name="connsiteX1" fmla="*/ 1283444 w 1283444"/>
                <a:gd name="connsiteY1" fmla="*/ 230892 h 230892"/>
                <a:gd name="connsiteX2" fmla="*/ 1030409 w 1283444"/>
                <a:gd name="connsiteY2" fmla="*/ 0 h 230892"/>
                <a:gd name="connsiteX3" fmla="*/ 0 w 1283444"/>
                <a:gd name="connsiteY3" fmla="*/ 3585 h 230892"/>
                <a:gd name="connsiteX4" fmla="*/ 239444 w 1283444"/>
                <a:gd name="connsiteY4" fmla="*/ 230892 h 230892"/>
                <a:gd name="connsiteX0" fmla="*/ 246241 w 1290241"/>
                <a:gd name="connsiteY0" fmla="*/ 230892 h 230892"/>
                <a:gd name="connsiteX1" fmla="*/ 1290241 w 1290241"/>
                <a:gd name="connsiteY1" fmla="*/ 230892 h 230892"/>
                <a:gd name="connsiteX2" fmla="*/ 1037206 w 1290241"/>
                <a:gd name="connsiteY2" fmla="*/ 0 h 230892"/>
                <a:gd name="connsiteX3" fmla="*/ 0 w 1290241"/>
                <a:gd name="connsiteY3" fmla="*/ 3588 h 230892"/>
                <a:gd name="connsiteX4" fmla="*/ 246241 w 1290241"/>
                <a:gd name="connsiteY4" fmla="*/ 230892 h 2308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290241" h="230892">
                  <a:moveTo>
                    <a:pt x="246241" y="230892"/>
                  </a:moveTo>
                  <a:lnTo>
                    <a:pt x="1290241" y="230892"/>
                  </a:lnTo>
                  <a:lnTo>
                    <a:pt x="1037206" y="0"/>
                  </a:lnTo>
                  <a:lnTo>
                    <a:pt x="0" y="3588"/>
                  </a:lnTo>
                  <a:lnTo>
                    <a:pt x="246241" y="230892"/>
                  </a:lnTo>
                  <a:close/>
                </a:path>
              </a:pathLst>
            </a:cu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116" name="矩形 56">
              <a:extLst>
                <a:ext uri="{FF2B5EF4-FFF2-40B4-BE49-F238E27FC236}">
                  <a16:creationId xmlns:a16="http://schemas.microsoft.com/office/drawing/2014/main" id="{7E0FE0FF-6D0C-4667-8AC8-D87C0BFC1387}"/>
                </a:ext>
              </a:extLst>
            </p:cNvPr>
            <p:cNvSpPr/>
            <p:nvPr/>
          </p:nvSpPr>
          <p:spPr>
            <a:xfrm>
              <a:off x="5218864" y="4528537"/>
              <a:ext cx="945474" cy="263988"/>
            </a:xfrm>
            <a:custGeom>
              <a:avLst/>
              <a:gdLst>
                <a:gd name="connsiteX0" fmla="*/ 0 w 781200"/>
                <a:gd name="connsiteY0" fmla="*/ 0 h 514800"/>
                <a:gd name="connsiteX1" fmla="*/ 781200 w 781200"/>
                <a:gd name="connsiteY1" fmla="*/ 0 h 514800"/>
                <a:gd name="connsiteX2" fmla="*/ 781200 w 781200"/>
                <a:gd name="connsiteY2" fmla="*/ 514800 h 514800"/>
                <a:gd name="connsiteX3" fmla="*/ 0 w 781200"/>
                <a:gd name="connsiteY3" fmla="*/ 514800 h 514800"/>
                <a:gd name="connsiteX4" fmla="*/ 0 w 781200"/>
                <a:gd name="connsiteY4" fmla="*/ 0 h 514800"/>
                <a:gd name="connsiteX0" fmla="*/ 0 w 781200"/>
                <a:gd name="connsiteY0" fmla="*/ 0 h 803787"/>
                <a:gd name="connsiteX1" fmla="*/ 515729 w 781200"/>
                <a:gd name="connsiteY1" fmla="*/ 803787 h 803787"/>
                <a:gd name="connsiteX2" fmla="*/ 781200 w 781200"/>
                <a:gd name="connsiteY2" fmla="*/ 514800 h 803787"/>
                <a:gd name="connsiteX3" fmla="*/ 0 w 781200"/>
                <a:gd name="connsiteY3" fmla="*/ 514800 h 803787"/>
                <a:gd name="connsiteX4" fmla="*/ 0 w 781200"/>
                <a:gd name="connsiteY4" fmla="*/ 0 h 803787"/>
                <a:gd name="connsiteX0" fmla="*/ 0 w 1031922"/>
                <a:gd name="connsiteY0" fmla="*/ 274238 h 288987"/>
                <a:gd name="connsiteX1" fmla="*/ 766451 w 1031922"/>
                <a:gd name="connsiteY1" fmla="*/ 288987 h 288987"/>
                <a:gd name="connsiteX2" fmla="*/ 1031922 w 1031922"/>
                <a:gd name="connsiteY2" fmla="*/ 0 h 288987"/>
                <a:gd name="connsiteX3" fmla="*/ 250722 w 1031922"/>
                <a:gd name="connsiteY3" fmla="*/ 0 h 288987"/>
                <a:gd name="connsiteX4" fmla="*/ 0 w 1031922"/>
                <a:gd name="connsiteY4" fmla="*/ 274238 h 288987"/>
                <a:gd name="connsiteX0" fmla="*/ 0 w 1039296"/>
                <a:gd name="connsiteY0" fmla="*/ 274238 h 288987"/>
                <a:gd name="connsiteX1" fmla="*/ 773825 w 1039296"/>
                <a:gd name="connsiteY1" fmla="*/ 288987 h 288987"/>
                <a:gd name="connsiteX2" fmla="*/ 1039296 w 1039296"/>
                <a:gd name="connsiteY2" fmla="*/ 0 h 288987"/>
                <a:gd name="connsiteX3" fmla="*/ 258096 w 1039296"/>
                <a:gd name="connsiteY3" fmla="*/ 0 h 288987"/>
                <a:gd name="connsiteX4" fmla="*/ 0 w 1039296"/>
                <a:gd name="connsiteY4" fmla="*/ 274238 h 288987"/>
                <a:gd name="connsiteX0" fmla="*/ 0 w 1039296"/>
                <a:gd name="connsiteY0" fmla="*/ 274238 h 303735"/>
                <a:gd name="connsiteX1" fmla="*/ 773825 w 1039296"/>
                <a:gd name="connsiteY1" fmla="*/ 303735 h 303735"/>
                <a:gd name="connsiteX2" fmla="*/ 1039296 w 1039296"/>
                <a:gd name="connsiteY2" fmla="*/ 0 h 303735"/>
                <a:gd name="connsiteX3" fmla="*/ 258096 w 1039296"/>
                <a:gd name="connsiteY3" fmla="*/ 0 h 303735"/>
                <a:gd name="connsiteX4" fmla="*/ 0 w 1039296"/>
                <a:gd name="connsiteY4" fmla="*/ 274238 h 303735"/>
                <a:gd name="connsiteX0" fmla="*/ 0 w 1039296"/>
                <a:gd name="connsiteY0" fmla="*/ 274238 h 296361"/>
                <a:gd name="connsiteX1" fmla="*/ 773825 w 1039296"/>
                <a:gd name="connsiteY1" fmla="*/ 296361 h 296361"/>
                <a:gd name="connsiteX2" fmla="*/ 1039296 w 1039296"/>
                <a:gd name="connsiteY2" fmla="*/ 0 h 296361"/>
                <a:gd name="connsiteX3" fmla="*/ 258096 w 1039296"/>
                <a:gd name="connsiteY3" fmla="*/ 0 h 296361"/>
                <a:gd name="connsiteX4" fmla="*/ 0 w 1039296"/>
                <a:gd name="connsiteY4" fmla="*/ 274238 h 296361"/>
                <a:gd name="connsiteX0" fmla="*/ 0 w 1039296"/>
                <a:gd name="connsiteY0" fmla="*/ 274238 h 288986"/>
                <a:gd name="connsiteX1" fmla="*/ 773825 w 1039296"/>
                <a:gd name="connsiteY1" fmla="*/ 288986 h 288986"/>
                <a:gd name="connsiteX2" fmla="*/ 1039296 w 1039296"/>
                <a:gd name="connsiteY2" fmla="*/ 0 h 288986"/>
                <a:gd name="connsiteX3" fmla="*/ 258096 w 1039296"/>
                <a:gd name="connsiteY3" fmla="*/ 0 h 288986"/>
                <a:gd name="connsiteX4" fmla="*/ 0 w 1039296"/>
                <a:gd name="connsiteY4" fmla="*/ 274238 h 288986"/>
                <a:gd name="connsiteX0" fmla="*/ 0 w 1039296"/>
                <a:gd name="connsiteY0" fmla="*/ 274238 h 288986"/>
                <a:gd name="connsiteX1" fmla="*/ 781199 w 1039296"/>
                <a:gd name="connsiteY1" fmla="*/ 288986 h 288986"/>
                <a:gd name="connsiteX2" fmla="*/ 1039296 w 1039296"/>
                <a:gd name="connsiteY2" fmla="*/ 0 h 288986"/>
                <a:gd name="connsiteX3" fmla="*/ 258096 w 1039296"/>
                <a:gd name="connsiteY3" fmla="*/ 0 h 288986"/>
                <a:gd name="connsiteX4" fmla="*/ 0 w 1039296"/>
                <a:gd name="connsiteY4" fmla="*/ 274238 h 288986"/>
                <a:gd name="connsiteX0" fmla="*/ 0 w 1039296"/>
                <a:gd name="connsiteY0" fmla="*/ 274238 h 288986"/>
                <a:gd name="connsiteX1" fmla="*/ 781199 w 1039296"/>
                <a:gd name="connsiteY1" fmla="*/ 288986 h 288986"/>
                <a:gd name="connsiteX2" fmla="*/ 1039296 w 1039296"/>
                <a:gd name="connsiteY2" fmla="*/ 0 h 288986"/>
                <a:gd name="connsiteX3" fmla="*/ 258096 w 1039296"/>
                <a:gd name="connsiteY3" fmla="*/ 0 h 288986"/>
                <a:gd name="connsiteX4" fmla="*/ 0 w 1039296"/>
                <a:gd name="connsiteY4" fmla="*/ 274238 h 288986"/>
                <a:gd name="connsiteX0" fmla="*/ 0 w 1039296"/>
                <a:gd name="connsiteY0" fmla="*/ 274238 h 288986"/>
                <a:gd name="connsiteX1" fmla="*/ 781199 w 1039296"/>
                <a:gd name="connsiteY1" fmla="*/ 288986 h 288986"/>
                <a:gd name="connsiteX2" fmla="*/ 1039296 w 1039296"/>
                <a:gd name="connsiteY2" fmla="*/ 0 h 288986"/>
                <a:gd name="connsiteX3" fmla="*/ 258096 w 1039296"/>
                <a:gd name="connsiteY3" fmla="*/ 0 h 288986"/>
                <a:gd name="connsiteX4" fmla="*/ 0 w 1039296"/>
                <a:gd name="connsiteY4" fmla="*/ 274238 h 288986"/>
                <a:gd name="connsiteX0" fmla="*/ 0 w 1039296"/>
                <a:gd name="connsiteY0" fmla="*/ 274238 h 285697"/>
                <a:gd name="connsiteX1" fmla="*/ 781199 w 1039296"/>
                <a:gd name="connsiteY1" fmla="*/ 285697 h 285697"/>
                <a:gd name="connsiteX2" fmla="*/ 1039296 w 1039296"/>
                <a:gd name="connsiteY2" fmla="*/ 0 h 285697"/>
                <a:gd name="connsiteX3" fmla="*/ 258096 w 1039296"/>
                <a:gd name="connsiteY3" fmla="*/ 0 h 285697"/>
                <a:gd name="connsiteX4" fmla="*/ 0 w 1039296"/>
                <a:gd name="connsiteY4" fmla="*/ 274238 h 285697"/>
                <a:gd name="connsiteX0" fmla="*/ 0 w 1039296"/>
                <a:gd name="connsiteY0" fmla="*/ 274238 h 282408"/>
                <a:gd name="connsiteX1" fmla="*/ 781199 w 1039296"/>
                <a:gd name="connsiteY1" fmla="*/ 282408 h 282408"/>
                <a:gd name="connsiteX2" fmla="*/ 1039296 w 1039296"/>
                <a:gd name="connsiteY2" fmla="*/ 0 h 282408"/>
                <a:gd name="connsiteX3" fmla="*/ 258096 w 1039296"/>
                <a:gd name="connsiteY3" fmla="*/ 0 h 282408"/>
                <a:gd name="connsiteX4" fmla="*/ 0 w 1039296"/>
                <a:gd name="connsiteY4" fmla="*/ 274238 h 282408"/>
                <a:gd name="connsiteX0" fmla="*/ 0 w 1039296"/>
                <a:gd name="connsiteY0" fmla="*/ 274238 h 279118"/>
                <a:gd name="connsiteX1" fmla="*/ 784488 w 1039296"/>
                <a:gd name="connsiteY1" fmla="*/ 279118 h 279118"/>
                <a:gd name="connsiteX2" fmla="*/ 1039296 w 1039296"/>
                <a:gd name="connsiteY2" fmla="*/ 0 h 279118"/>
                <a:gd name="connsiteX3" fmla="*/ 258096 w 1039296"/>
                <a:gd name="connsiteY3" fmla="*/ 0 h 279118"/>
                <a:gd name="connsiteX4" fmla="*/ 0 w 1039296"/>
                <a:gd name="connsiteY4" fmla="*/ 274238 h 279118"/>
                <a:gd name="connsiteX0" fmla="*/ 0 w 1039296"/>
                <a:gd name="connsiteY0" fmla="*/ 274238 h 279118"/>
                <a:gd name="connsiteX1" fmla="*/ 784488 w 1039296"/>
                <a:gd name="connsiteY1" fmla="*/ 279118 h 279118"/>
                <a:gd name="connsiteX2" fmla="*/ 1039296 w 1039296"/>
                <a:gd name="connsiteY2" fmla="*/ 0 h 279118"/>
                <a:gd name="connsiteX3" fmla="*/ 258096 w 1039296"/>
                <a:gd name="connsiteY3" fmla="*/ 0 h 279118"/>
                <a:gd name="connsiteX4" fmla="*/ 0 w 1039296"/>
                <a:gd name="connsiteY4" fmla="*/ 274238 h 279118"/>
                <a:gd name="connsiteX0" fmla="*/ 0 w 1039296"/>
                <a:gd name="connsiteY0" fmla="*/ 274238 h 279118"/>
                <a:gd name="connsiteX1" fmla="*/ 777910 w 1039296"/>
                <a:gd name="connsiteY1" fmla="*/ 279118 h 279118"/>
                <a:gd name="connsiteX2" fmla="*/ 1039296 w 1039296"/>
                <a:gd name="connsiteY2" fmla="*/ 0 h 279118"/>
                <a:gd name="connsiteX3" fmla="*/ 258096 w 1039296"/>
                <a:gd name="connsiteY3" fmla="*/ 0 h 279118"/>
                <a:gd name="connsiteX4" fmla="*/ 0 w 1039296"/>
                <a:gd name="connsiteY4" fmla="*/ 274238 h 279118"/>
                <a:gd name="connsiteX0" fmla="*/ 0 w 1052452"/>
                <a:gd name="connsiteY0" fmla="*/ 277527 h 279118"/>
                <a:gd name="connsiteX1" fmla="*/ 791066 w 1052452"/>
                <a:gd name="connsiteY1" fmla="*/ 279118 h 279118"/>
                <a:gd name="connsiteX2" fmla="*/ 1052452 w 1052452"/>
                <a:gd name="connsiteY2" fmla="*/ 0 h 279118"/>
                <a:gd name="connsiteX3" fmla="*/ 271252 w 1052452"/>
                <a:gd name="connsiteY3" fmla="*/ 0 h 279118"/>
                <a:gd name="connsiteX4" fmla="*/ 0 w 1052452"/>
                <a:gd name="connsiteY4" fmla="*/ 277527 h 279118"/>
                <a:gd name="connsiteX0" fmla="*/ 0 w 1049162"/>
                <a:gd name="connsiteY0" fmla="*/ 277527 h 279118"/>
                <a:gd name="connsiteX1" fmla="*/ 787776 w 1049162"/>
                <a:gd name="connsiteY1" fmla="*/ 279118 h 279118"/>
                <a:gd name="connsiteX2" fmla="*/ 1049162 w 1049162"/>
                <a:gd name="connsiteY2" fmla="*/ 0 h 279118"/>
                <a:gd name="connsiteX3" fmla="*/ 267962 w 1049162"/>
                <a:gd name="connsiteY3" fmla="*/ 0 h 279118"/>
                <a:gd name="connsiteX4" fmla="*/ 0 w 1049162"/>
                <a:gd name="connsiteY4" fmla="*/ 277527 h 279118"/>
                <a:gd name="connsiteX0" fmla="*/ 0 w 1049162"/>
                <a:gd name="connsiteY0" fmla="*/ 277527 h 279118"/>
                <a:gd name="connsiteX1" fmla="*/ 787776 w 1049162"/>
                <a:gd name="connsiteY1" fmla="*/ 279118 h 279118"/>
                <a:gd name="connsiteX2" fmla="*/ 1049162 w 1049162"/>
                <a:gd name="connsiteY2" fmla="*/ 9867 h 279118"/>
                <a:gd name="connsiteX3" fmla="*/ 267962 w 1049162"/>
                <a:gd name="connsiteY3" fmla="*/ 0 h 279118"/>
                <a:gd name="connsiteX4" fmla="*/ 0 w 1049162"/>
                <a:gd name="connsiteY4" fmla="*/ 277527 h 279118"/>
                <a:gd name="connsiteX0" fmla="*/ 0 w 1049162"/>
                <a:gd name="connsiteY0" fmla="*/ 267660 h 269251"/>
                <a:gd name="connsiteX1" fmla="*/ 787776 w 1049162"/>
                <a:gd name="connsiteY1" fmla="*/ 269251 h 269251"/>
                <a:gd name="connsiteX2" fmla="*/ 1049162 w 1049162"/>
                <a:gd name="connsiteY2" fmla="*/ 0 h 269251"/>
                <a:gd name="connsiteX3" fmla="*/ 264658 w 1049162"/>
                <a:gd name="connsiteY3" fmla="*/ 0 h 269251"/>
                <a:gd name="connsiteX4" fmla="*/ 0 w 1049162"/>
                <a:gd name="connsiteY4" fmla="*/ 267660 h 269251"/>
                <a:gd name="connsiteX0" fmla="*/ 0 w 1049162"/>
                <a:gd name="connsiteY0" fmla="*/ 275005 h 275005"/>
                <a:gd name="connsiteX1" fmla="*/ 787776 w 1049162"/>
                <a:gd name="connsiteY1" fmla="*/ 269251 h 275005"/>
                <a:gd name="connsiteX2" fmla="*/ 1049162 w 1049162"/>
                <a:gd name="connsiteY2" fmla="*/ 0 h 275005"/>
                <a:gd name="connsiteX3" fmla="*/ 264658 w 1049162"/>
                <a:gd name="connsiteY3" fmla="*/ 0 h 275005"/>
                <a:gd name="connsiteX4" fmla="*/ 0 w 1049162"/>
                <a:gd name="connsiteY4" fmla="*/ 275005 h 275005"/>
                <a:gd name="connsiteX0" fmla="*/ 0 w 1049162"/>
                <a:gd name="connsiteY0" fmla="*/ 263988 h 269251"/>
                <a:gd name="connsiteX1" fmla="*/ 787776 w 1049162"/>
                <a:gd name="connsiteY1" fmla="*/ 269251 h 269251"/>
                <a:gd name="connsiteX2" fmla="*/ 1049162 w 1049162"/>
                <a:gd name="connsiteY2" fmla="*/ 0 h 269251"/>
                <a:gd name="connsiteX3" fmla="*/ 264658 w 1049162"/>
                <a:gd name="connsiteY3" fmla="*/ 0 h 269251"/>
                <a:gd name="connsiteX4" fmla="*/ 0 w 1049162"/>
                <a:gd name="connsiteY4" fmla="*/ 263988 h 269251"/>
                <a:gd name="connsiteX0" fmla="*/ 0 w 1049162"/>
                <a:gd name="connsiteY0" fmla="*/ 263988 h 265579"/>
                <a:gd name="connsiteX1" fmla="*/ 787776 w 1049162"/>
                <a:gd name="connsiteY1" fmla="*/ 265579 h 265579"/>
                <a:gd name="connsiteX2" fmla="*/ 1049162 w 1049162"/>
                <a:gd name="connsiteY2" fmla="*/ 0 h 265579"/>
                <a:gd name="connsiteX3" fmla="*/ 264658 w 1049162"/>
                <a:gd name="connsiteY3" fmla="*/ 0 h 265579"/>
                <a:gd name="connsiteX4" fmla="*/ 0 w 1049162"/>
                <a:gd name="connsiteY4" fmla="*/ 263988 h 265579"/>
                <a:gd name="connsiteX0" fmla="*/ 0 w 1049162"/>
                <a:gd name="connsiteY0" fmla="*/ 263988 h 265579"/>
                <a:gd name="connsiteX1" fmla="*/ 795152 w 1049162"/>
                <a:gd name="connsiteY1" fmla="*/ 265579 h 265579"/>
                <a:gd name="connsiteX2" fmla="*/ 1049162 w 1049162"/>
                <a:gd name="connsiteY2" fmla="*/ 0 h 265579"/>
                <a:gd name="connsiteX3" fmla="*/ 264658 w 1049162"/>
                <a:gd name="connsiteY3" fmla="*/ 0 h 265579"/>
                <a:gd name="connsiteX4" fmla="*/ 0 w 1049162"/>
                <a:gd name="connsiteY4" fmla="*/ 263988 h 265579"/>
                <a:gd name="connsiteX0" fmla="*/ 0 w 1049162"/>
                <a:gd name="connsiteY0" fmla="*/ 263988 h 263988"/>
                <a:gd name="connsiteX1" fmla="*/ 802529 w 1049162"/>
                <a:gd name="connsiteY1" fmla="*/ 261906 h 263988"/>
                <a:gd name="connsiteX2" fmla="*/ 1049162 w 1049162"/>
                <a:gd name="connsiteY2" fmla="*/ 0 h 263988"/>
                <a:gd name="connsiteX3" fmla="*/ 264658 w 1049162"/>
                <a:gd name="connsiteY3" fmla="*/ 0 h 263988"/>
                <a:gd name="connsiteX4" fmla="*/ 0 w 1049162"/>
                <a:gd name="connsiteY4" fmla="*/ 263988 h 2639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49162" h="263988">
                  <a:moveTo>
                    <a:pt x="0" y="263988"/>
                  </a:moveTo>
                  <a:lnTo>
                    <a:pt x="802529" y="261906"/>
                  </a:lnTo>
                  <a:lnTo>
                    <a:pt x="1049162" y="0"/>
                  </a:lnTo>
                  <a:lnTo>
                    <a:pt x="264658" y="0"/>
                  </a:lnTo>
                  <a:lnTo>
                    <a:pt x="0" y="263988"/>
                  </a:lnTo>
                  <a:close/>
                </a:path>
              </a:pathLst>
            </a:cu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5" name="矩形 4">
            <a:extLst>
              <a:ext uri="{FF2B5EF4-FFF2-40B4-BE49-F238E27FC236}">
                <a16:creationId xmlns:a16="http://schemas.microsoft.com/office/drawing/2014/main" id="{A5D9B982-359F-48AD-9677-21FE7CBA10D5}"/>
              </a:ext>
            </a:extLst>
          </p:cNvPr>
          <p:cNvSpPr/>
          <p:nvPr/>
        </p:nvSpPr>
        <p:spPr>
          <a:xfrm>
            <a:off x="6178185" y="4750871"/>
            <a:ext cx="594779" cy="288311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4" name="Text Box 50">
            <a:extLst>
              <a:ext uri="{FF2B5EF4-FFF2-40B4-BE49-F238E27FC236}">
                <a16:creationId xmlns:a16="http://schemas.microsoft.com/office/drawing/2014/main" id="{9485752E-FFA0-4669-865D-E5898A8C41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381008" y="4746272"/>
            <a:ext cx="8866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12cm</a:t>
            </a:r>
          </a:p>
        </p:txBody>
      </p:sp>
      <p:sp>
        <p:nvSpPr>
          <p:cNvPr id="125" name="Text Box 50">
            <a:extLst>
              <a:ext uri="{FF2B5EF4-FFF2-40B4-BE49-F238E27FC236}">
                <a16:creationId xmlns:a16="http://schemas.microsoft.com/office/drawing/2014/main" id="{01B7974C-B401-4951-9358-F7B1FAB8904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45006" y="5412854"/>
            <a:ext cx="7342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126" name="Text Box 50">
            <a:extLst>
              <a:ext uri="{FF2B5EF4-FFF2-40B4-BE49-F238E27FC236}">
                <a16:creationId xmlns:a16="http://schemas.microsoft.com/office/drawing/2014/main" id="{65CD41CC-8F88-497E-A843-18019D77091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53139" y="6083728"/>
            <a:ext cx="7342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127" name="矩形 126">
            <a:extLst>
              <a:ext uri="{FF2B5EF4-FFF2-40B4-BE49-F238E27FC236}">
                <a16:creationId xmlns:a16="http://schemas.microsoft.com/office/drawing/2014/main" id="{0CB517EB-68A1-4EC5-8102-DFEE02B35369}"/>
              </a:ext>
            </a:extLst>
          </p:cNvPr>
          <p:cNvSpPr/>
          <p:nvPr/>
        </p:nvSpPr>
        <p:spPr>
          <a:xfrm>
            <a:off x="6065375" y="5433906"/>
            <a:ext cx="594779" cy="288311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8" name="Text Box 50">
            <a:extLst>
              <a:ext uri="{FF2B5EF4-FFF2-40B4-BE49-F238E27FC236}">
                <a16:creationId xmlns:a16="http://schemas.microsoft.com/office/drawing/2014/main" id="{76906B9B-2CDD-4166-9A08-B9C2E51283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49589" y="5751829"/>
            <a:ext cx="734285" cy="338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1600" dirty="0">
                <a:solidFill>
                  <a:srgbClr val="FF00FF"/>
                </a:solidFill>
              </a:rPr>
              <a:t>8cm</a:t>
            </a:r>
          </a:p>
        </p:txBody>
      </p:sp>
      <p:sp>
        <p:nvSpPr>
          <p:cNvPr id="129" name="矩形 128">
            <a:extLst>
              <a:ext uri="{FF2B5EF4-FFF2-40B4-BE49-F238E27FC236}">
                <a16:creationId xmlns:a16="http://schemas.microsoft.com/office/drawing/2014/main" id="{5D82D535-6B3D-4B1C-B516-ED43BECD97D5}"/>
              </a:ext>
            </a:extLst>
          </p:cNvPr>
          <p:cNvSpPr/>
          <p:nvPr/>
        </p:nvSpPr>
        <p:spPr>
          <a:xfrm>
            <a:off x="5264556" y="5622710"/>
            <a:ext cx="594779" cy="288311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42" name="图片 41">
            <a:extLst>
              <a:ext uri="{FF2B5EF4-FFF2-40B4-BE49-F238E27FC236}">
                <a16:creationId xmlns:a16="http://schemas.microsoft.com/office/drawing/2014/main" id="{506E322D-54A1-4394-95FC-A0C41BF8732D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007398" y="1055713"/>
            <a:ext cx="6675120" cy="13334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232637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0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10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87 -0.00115 L 0.45555 -0.00787 L 0.45555 -0.0074 L 0.45555 -0.00787 " pathEditMode="relative" rAng="0" ptsTypes="AAAA">
                                      <p:cBhvr>
                                        <p:cTn id="26" dur="2000" fill="hold"/>
                                        <p:tgtEl>
                                          <p:spTgt spid="1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2813" y="-34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000"/>
                            </p:stCondLst>
                            <p:childTnLst>
                              <p:par>
                                <p:cTn id="28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3000"/>
                            </p:stCondLst>
                            <p:childTnLst>
                              <p:par>
                                <p:cTn id="36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000"/>
                            </p:stCondLst>
                            <p:childTnLst>
                              <p:par>
                                <p:cTn id="39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4000"/>
                            </p:stCondLst>
                            <p:childTnLst>
                              <p:par>
                                <p:cTn id="4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4000"/>
                            </p:stCondLst>
                            <p:childTnLst>
                              <p:par>
                                <p:cTn id="45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" presetClass="exit" presetSubtype="0" fill="hold" grpId="1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0"/>
                            </p:stCondLst>
                            <p:childTnLst>
                              <p:par>
                                <p:cTn id="5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0"/>
                            </p:stCondLst>
                            <p:childTnLst>
                              <p:par>
                                <p:cTn id="53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6000"/>
                            </p:stCondLst>
                            <p:childTnLst>
                              <p:par>
                                <p:cTn id="56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6000"/>
                            </p:stCondLst>
                            <p:childTnLst>
                              <p:par>
                                <p:cTn id="59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7000"/>
                            </p:stCondLst>
                            <p:childTnLst>
                              <p:par>
                                <p:cTn id="6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7000"/>
                            </p:stCondLst>
                            <p:childTnLst>
                              <p:par>
                                <p:cTn id="65" presetID="1" presetClass="exit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8000"/>
                            </p:stCondLst>
                            <p:childTnLst>
                              <p:par>
                                <p:cTn id="68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8000"/>
                            </p:stCondLst>
                            <p:childTnLst>
                              <p:par>
                                <p:cTn id="71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9000"/>
                            </p:stCondLst>
                            <p:childTnLst>
                              <p:par>
                                <p:cTn id="74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9000"/>
                            </p:stCondLst>
                            <p:childTnLst>
                              <p:par>
                                <p:cTn id="77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0"/>
                            </p:stCondLst>
                            <p:childTnLst>
                              <p:par>
                                <p:cTn id="8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0"/>
                            </p:stCondLst>
                            <p:childTnLst>
                              <p:par>
                                <p:cTn id="83" presetID="1" presetClass="exit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11000"/>
                            </p:stCondLst>
                            <p:childTnLst>
                              <p:par>
                                <p:cTn id="86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1000"/>
                            </p:stCondLst>
                            <p:childTnLst>
                              <p:par>
                                <p:cTn id="89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1000"/>
                            </p:stCondLst>
                            <p:childTnLst>
                              <p:par>
                                <p:cTn id="9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10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10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1000"/>
                                        <p:tgtEl>
                                          <p:spTgt spid="1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10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5" dur="10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6" fill="hold">
                            <p:stCondLst>
                              <p:cond delay="1000"/>
                            </p:stCondLst>
                            <p:childTnLst>
                              <p:par>
                                <p:cTn id="1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9" dur="1000"/>
                                        <p:tgtEl>
                                          <p:spTgt spid="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2000"/>
                            </p:stCondLst>
                            <p:childTnLst>
                              <p:par>
                                <p:cTn id="131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6" grpId="0" animBg="1"/>
      <p:bldP spid="87" grpId="0" animBg="1"/>
      <p:bldP spid="88" grpId="0" animBg="1"/>
      <p:bldP spid="89" grpId="0" animBg="1"/>
      <p:bldP spid="100" grpId="0" animBg="1"/>
      <p:bldP spid="100" grpId="1" animBg="1"/>
      <p:bldP spid="101" grpId="0" animBg="1"/>
      <p:bldP spid="101" grpId="1" animBg="1"/>
      <p:bldP spid="102" grpId="0" animBg="1"/>
      <p:bldP spid="102" grpId="1" animBg="1"/>
      <p:bldP spid="103" grpId="0" animBg="1"/>
      <p:bldP spid="103" grpId="1" animBg="1"/>
      <p:bldP spid="104" grpId="0" animBg="1"/>
      <p:bldP spid="104" grpId="1" animBg="1"/>
      <p:bldP spid="105" grpId="0" animBg="1"/>
      <p:bldP spid="105" grpId="1" animBg="1"/>
      <p:bldP spid="106" grpId="0" animBg="1"/>
      <p:bldP spid="106" grpId="1" animBg="1"/>
      <p:bldP spid="107" grpId="0" animBg="1"/>
      <p:bldP spid="107" grpId="1" animBg="1"/>
      <p:bldP spid="108" grpId="0" animBg="1"/>
      <p:bldP spid="108" grpId="1" animBg="1"/>
      <p:bldP spid="109" grpId="0" animBg="1"/>
      <p:bldP spid="109" grpId="1" animBg="1"/>
      <p:bldP spid="5" grpId="0" animBg="1"/>
      <p:bldP spid="5" grpId="1" animBg="1"/>
      <p:bldP spid="124" grpId="0"/>
      <p:bldP spid="125" grpId="0"/>
      <p:bldP spid="126" grpId="0"/>
      <p:bldP spid="127" grpId="0" animBg="1"/>
      <p:bldP spid="127" grpId="1" animBg="1"/>
      <p:bldP spid="128" grpId="0"/>
      <p:bldP spid="129" grpId="0" animBg="1"/>
      <p:bldP spid="129" grpId="1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>
            <a:extLst>
              <a:ext uri="{FF2B5EF4-FFF2-40B4-BE49-F238E27FC236}">
                <a16:creationId xmlns:a16="http://schemas.microsoft.com/office/drawing/2014/main" id="{BF0F69D8-376C-4587-B902-988569841D58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68416" y="2422728"/>
            <a:ext cx="5099334" cy="3513124"/>
          </a:xfrm>
          <a:prstGeom prst="rect">
            <a:avLst/>
          </a:prstGeom>
        </p:spPr>
      </p:pic>
      <p:sp>
        <p:nvSpPr>
          <p:cNvPr id="11" name="文本框 10">
            <a:extLst>
              <a:ext uri="{FF2B5EF4-FFF2-40B4-BE49-F238E27FC236}">
                <a16:creationId xmlns:a16="http://schemas.microsoft.com/office/drawing/2014/main" id="{F15701D3-97D3-4E9B-9F7F-0D840464CD29}"/>
              </a:ext>
            </a:extLst>
          </p:cNvPr>
          <p:cNvSpPr txBox="1"/>
          <p:nvPr/>
        </p:nvSpPr>
        <p:spPr>
          <a:xfrm>
            <a:off x="829657" y="949510"/>
            <a:ext cx="8261003" cy="14543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有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粒膠珠和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膠棒，其中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枝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2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其餘長</a:t>
            </a: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cm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 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  <a:spcAft>
                <a:spcPts val="600"/>
              </a:spcAft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b) </a:t>
            </a:r>
            <a:r>
              <a:rPr lang="zh-CN" altLang="en-US" sz="24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耀輝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用以上的材料製成一個長方體。在以下方格紙上畫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4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出這個長方體的摺紙圖樣。</a:t>
            </a:r>
            <a:endParaRPr lang="en-US" altLang="zh-CN" sz="24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56F17668-9531-4E40-B5F8-0BD5D1B4C874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7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grpSp>
        <p:nvGrpSpPr>
          <p:cNvPr id="13" name="组合 12">
            <a:extLst>
              <a:ext uri="{FF2B5EF4-FFF2-40B4-BE49-F238E27FC236}">
                <a16:creationId xmlns:a16="http://schemas.microsoft.com/office/drawing/2014/main" id="{24FEAC44-8889-4ACF-8DAD-242147417507}"/>
              </a:ext>
            </a:extLst>
          </p:cNvPr>
          <p:cNvGrpSpPr/>
          <p:nvPr/>
        </p:nvGrpSpPr>
        <p:grpSpPr>
          <a:xfrm>
            <a:off x="4331301" y="2817608"/>
            <a:ext cx="2876449" cy="2521578"/>
            <a:chOff x="891278" y="2061441"/>
            <a:chExt cx="2876449" cy="2521578"/>
          </a:xfrm>
          <a:noFill/>
        </p:grpSpPr>
        <p:sp>
          <p:nvSpPr>
            <p:cNvPr id="14" name="矩形 13">
              <a:extLst>
                <a:ext uri="{FF2B5EF4-FFF2-40B4-BE49-F238E27FC236}">
                  <a16:creationId xmlns:a16="http://schemas.microsoft.com/office/drawing/2014/main" id="{A0D4FDFD-D569-4076-9468-19BBCE02CAC0}"/>
                </a:ext>
              </a:extLst>
            </p:cNvPr>
            <p:cNvSpPr/>
            <p:nvPr/>
          </p:nvSpPr>
          <p:spPr>
            <a:xfrm>
              <a:off x="1608877" y="2061441"/>
              <a:ext cx="720000" cy="720000"/>
            </a:xfrm>
            <a:prstGeom prst="rect">
              <a:avLst/>
            </a:prstGeom>
            <a:grpFill/>
            <a:ln w="127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15" name="矩形 14">
              <a:extLst>
                <a:ext uri="{FF2B5EF4-FFF2-40B4-BE49-F238E27FC236}">
                  <a16:creationId xmlns:a16="http://schemas.microsoft.com/office/drawing/2014/main" id="{54C0DC1E-4897-4574-AF6B-D597A4C6B3D9}"/>
                </a:ext>
              </a:extLst>
            </p:cNvPr>
            <p:cNvSpPr/>
            <p:nvPr/>
          </p:nvSpPr>
          <p:spPr>
            <a:xfrm>
              <a:off x="1602893" y="3863019"/>
              <a:ext cx="720000" cy="720000"/>
            </a:xfrm>
            <a:prstGeom prst="rect">
              <a:avLst/>
            </a:prstGeom>
            <a:grpFill/>
            <a:ln w="127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16" name="矩形 15">
              <a:extLst>
                <a:ext uri="{FF2B5EF4-FFF2-40B4-BE49-F238E27FC236}">
                  <a16:creationId xmlns:a16="http://schemas.microsoft.com/office/drawing/2014/main" id="{B17C9A41-2E3A-4A92-A466-3EC3F5755611}"/>
                </a:ext>
              </a:extLst>
            </p:cNvPr>
            <p:cNvSpPr/>
            <p:nvPr/>
          </p:nvSpPr>
          <p:spPr>
            <a:xfrm>
              <a:off x="891278" y="2785736"/>
              <a:ext cx="720000" cy="1080000"/>
            </a:xfrm>
            <a:prstGeom prst="rect">
              <a:avLst/>
            </a:prstGeom>
            <a:grpFill/>
            <a:ln w="127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17" name="矩形 16">
              <a:extLst>
                <a:ext uri="{FF2B5EF4-FFF2-40B4-BE49-F238E27FC236}">
                  <a16:creationId xmlns:a16="http://schemas.microsoft.com/office/drawing/2014/main" id="{C2333F25-DD7E-47CB-B0D1-CA4B820C99D3}"/>
                </a:ext>
              </a:extLst>
            </p:cNvPr>
            <p:cNvSpPr/>
            <p:nvPr/>
          </p:nvSpPr>
          <p:spPr>
            <a:xfrm>
              <a:off x="1605786" y="2784195"/>
              <a:ext cx="720000" cy="1080000"/>
            </a:xfrm>
            <a:prstGeom prst="rect">
              <a:avLst/>
            </a:prstGeom>
            <a:grpFill/>
            <a:ln w="127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grpSp>
          <p:nvGrpSpPr>
            <p:cNvPr id="18" name="组合 17">
              <a:extLst>
                <a:ext uri="{FF2B5EF4-FFF2-40B4-BE49-F238E27FC236}">
                  <a16:creationId xmlns:a16="http://schemas.microsoft.com/office/drawing/2014/main" id="{6E92967D-6D04-40B8-8240-D253E1115108}"/>
                </a:ext>
              </a:extLst>
            </p:cNvPr>
            <p:cNvGrpSpPr/>
            <p:nvPr/>
          </p:nvGrpSpPr>
          <p:grpSpPr>
            <a:xfrm>
              <a:off x="2327503" y="2783751"/>
              <a:ext cx="1440224" cy="1080000"/>
              <a:chOff x="6594201" y="2837938"/>
              <a:chExt cx="1440224" cy="1080000"/>
            </a:xfrm>
            <a:grpFill/>
          </p:grpSpPr>
          <p:sp>
            <p:nvSpPr>
              <p:cNvPr id="19" name="矩形 18">
                <a:extLst>
                  <a:ext uri="{FF2B5EF4-FFF2-40B4-BE49-F238E27FC236}">
                    <a16:creationId xmlns:a16="http://schemas.microsoft.com/office/drawing/2014/main" id="{E5DF2BB5-F576-4BE9-9B69-B41926256AE5}"/>
                  </a:ext>
                </a:extLst>
              </p:cNvPr>
              <p:cNvSpPr/>
              <p:nvPr/>
            </p:nvSpPr>
            <p:spPr>
              <a:xfrm>
                <a:off x="6594201" y="2837938"/>
                <a:ext cx="720000" cy="1080000"/>
              </a:xfrm>
              <a:prstGeom prst="rect">
                <a:avLst/>
              </a:prstGeom>
              <a:grpFill/>
              <a:ln w="1270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20" name="矩形 19">
                <a:extLst>
                  <a:ext uri="{FF2B5EF4-FFF2-40B4-BE49-F238E27FC236}">
                    <a16:creationId xmlns:a16="http://schemas.microsoft.com/office/drawing/2014/main" id="{B80500F7-1581-4BAF-A352-49B38A74890B}"/>
                  </a:ext>
                </a:extLst>
              </p:cNvPr>
              <p:cNvSpPr/>
              <p:nvPr/>
            </p:nvSpPr>
            <p:spPr>
              <a:xfrm>
                <a:off x="7314425" y="2837938"/>
                <a:ext cx="720000" cy="1080000"/>
              </a:xfrm>
              <a:prstGeom prst="rect">
                <a:avLst/>
              </a:prstGeom>
              <a:grpFill/>
              <a:ln w="1270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grpSp>
        <p:nvGrpSpPr>
          <p:cNvPr id="86" name="组合 85">
            <a:extLst>
              <a:ext uri="{FF2B5EF4-FFF2-40B4-BE49-F238E27FC236}">
                <a16:creationId xmlns:a16="http://schemas.microsoft.com/office/drawing/2014/main" id="{234988FE-2BC6-49CA-8F44-CAADB760739E}"/>
              </a:ext>
            </a:extLst>
          </p:cNvPr>
          <p:cNvGrpSpPr/>
          <p:nvPr/>
        </p:nvGrpSpPr>
        <p:grpSpPr>
          <a:xfrm>
            <a:off x="562273" y="2825616"/>
            <a:ext cx="3629220" cy="2786487"/>
            <a:chOff x="562273" y="2825616"/>
            <a:chExt cx="3629220" cy="2786487"/>
          </a:xfrm>
        </p:grpSpPr>
        <p:sp>
          <p:nvSpPr>
            <p:cNvPr id="52" name="矩形 51">
              <a:extLst>
                <a:ext uri="{FF2B5EF4-FFF2-40B4-BE49-F238E27FC236}">
                  <a16:creationId xmlns:a16="http://schemas.microsoft.com/office/drawing/2014/main" id="{691814C0-49E1-4B86-91C9-C7397F67C78E}"/>
                </a:ext>
              </a:extLst>
            </p:cNvPr>
            <p:cNvSpPr/>
            <p:nvPr/>
          </p:nvSpPr>
          <p:spPr>
            <a:xfrm>
              <a:off x="1283546" y="2825616"/>
              <a:ext cx="720000" cy="720000"/>
            </a:xfrm>
            <a:prstGeom prst="rect">
              <a:avLst/>
            </a:prstGeom>
            <a:solidFill>
              <a:schemeClr val="accent2"/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3" name="矩形 52">
              <a:extLst>
                <a:ext uri="{FF2B5EF4-FFF2-40B4-BE49-F238E27FC236}">
                  <a16:creationId xmlns:a16="http://schemas.microsoft.com/office/drawing/2014/main" id="{6DF60D7E-D14B-4F1B-BEFD-FD557B9B1A60}"/>
                </a:ext>
              </a:extLst>
            </p:cNvPr>
            <p:cNvSpPr/>
            <p:nvPr/>
          </p:nvSpPr>
          <p:spPr>
            <a:xfrm>
              <a:off x="1283179" y="4609535"/>
              <a:ext cx="720000" cy="720000"/>
            </a:xfrm>
            <a:prstGeom prst="rect">
              <a:avLst/>
            </a:prstGeom>
            <a:solidFill>
              <a:schemeClr val="accent2"/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4" name="矩形 53">
              <a:extLst>
                <a:ext uri="{FF2B5EF4-FFF2-40B4-BE49-F238E27FC236}">
                  <a16:creationId xmlns:a16="http://schemas.microsoft.com/office/drawing/2014/main" id="{E05B8D70-7DFB-4249-B0FC-11AFB233C1F5}"/>
                </a:ext>
              </a:extLst>
            </p:cNvPr>
            <p:cNvSpPr/>
            <p:nvPr/>
          </p:nvSpPr>
          <p:spPr>
            <a:xfrm rot="16200000">
              <a:off x="382273" y="3717575"/>
              <a:ext cx="1080000" cy="720000"/>
            </a:xfrm>
            <a:prstGeom prst="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5" name="矩形 54">
              <a:extLst>
                <a:ext uri="{FF2B5EF4-FFF2-40B4-BE49-F238E27FC236}">
                  <a16:creationId xmlns:a16="http://schemas.microsoft.com/office/drawing/2014/main" id="{C821DFC0-2335-4308-8414-DFFE441404C2}"/>
                </a:ext>
              </a:extLst>
            </p:cNvPr>
            <p:cNvSpPr/>
            <p:nvPr/>
          </p:nvSpPr>
          <p:spPr>
            <a:xfrm>
              <a:off x="1283179" y="3539330"/>
              <a:ext cx="720000" cy="1080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grpSp>
          <p:nvGrpSpPr>
            <p:cNvPr id="56" name="组合 55">
              <a:extLst>
                <a:ext uri="{FF2B5EF4-FFF2-40B4-BE49-F238E27FC236}">
                  <a16:creationId xmlns:a16="http://schemas.microsoft.com/office/drawing/2014/main" id="{6EB4BFF8-D453-4B34-90EA-8374AD6714E2}"/>
                </a:ext>
              </a:extLst>
            </p:cNvPr>
            <p:cNvGrpSpPr/>
            <p:nvPr/>
          </p:nvGrpSpPr>
          <p:grpSpPr>
            <a:xfrm>
              <a:off x="2001184" y="3538690"/>
              <a:ext cx="1436224" cy="1080001"/>
              <a:chOff x="6472301" y="2813269"/>
              <a:chExt cx="1436224" cy="1080001"/>
            </a:xfrm>
          </p:grpSpPr>
          <p:sp>
            <p:nvSpPr>
              <p:cNvPr id="57" name="矩形 56">
                <a:extLst>
                  <a:ext uri="{FF2B5EF4-FFF2-40B4-BE49-F238E27FC236}">
                    <a16:creationId xmlns:a16="http://schemas.microsoft.com/office/drawing/2014/main" id="{D76DB547-7E23-4C94-9F4C-6DFFD9841B5B}"/>
                  </a:ext>
                </a:extLst>
              </p:cNvPr>
              <p:cNvSpPr/>
              <p:nvPr/>
            </p:nvSpPr>
            <p:spPr>
              <a:xfrm rot="16200000">
                <a:off x="6292301" y="2993270"/>
                <a:ext cx="1080000" cy="720000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1270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  <p:sp>
            <p:nvSpPr>
              <p:cNvPr id="58" name="矩形 57">
                <a:extLst>
                  <a:ext uri="{FF2B5EF4-FFF2-40B4-BE49-F238E27FC236}">
                    <a16:creationId xmlns:a16="http://schemas.microsoft.com/office/drawing/2014/main" id="{A5F0639A-062E-4408-81FB-55DF2E299678}"/>
                  </a:ext>
                </a:extLst>
              </p:cNvPr>
              <p:cNvSpPr/>
              <p:nvPr/>
            </p:nvSpPr>
            <p:spPr>
              <a:xfrm>
                <a:off x="7188525" y="2813269"/>
                <a:ext cx="720000" cy="1080000"/>
              </a:xfrm>
              <a:prstGeom prst="rect">
                <a:avLst/>
              </a:prstGeom>
              <a:solidFill>
                <a:schemeClr val="accent4">
                  <a:lumMod val="20000"/>
                  <a:lumOff val="80000"/>
                </a:schemeClr>
              </a:solidFill>
              <a:ln w="1270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  <p:sp>
          <p:nvSpPr>
            <p:cNvPr id="82" name="Text Box 50">
              <a:extLst>
                <a:ext uri="{FF2B5EF4-FFF2-40B4-BE49-F238E27FC236}">
                  <a16:creationId xmlns:a16="http://schemas.microsoft.com/office/drawing/2014/main" id="{CB4A777B-16E2-462F-9BF9-CADDA7142E6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04808" y="3934624"/>
              <a:ext cx="8866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>
                  <a:solidFill>
                    <a:srgbClr val="FF00FF"/>
                  </a:solidFill>
                </a:rPr>
                <a:t>12cm</a:t>
              </a:r>
            </a:p>
          </p:txBody>
        </p:sp>
        <p:sp>
          <p:nvSpPr>
            <p:cNvPr id="83" name="Text Box 50">
              <a:extLst>
                <a:ext uri="{FF2B5EF4-FFF2-40B4-BE49-F238E27FC236}">
                  <a16:creationId xmlns:a16="http://schemas.microsoft.com/office/drawing/2014/main" id="{33E13B18-BFE1-46D1-93A3-1CCAFB6726F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45006" y="4601206"/>
              <a:ext cx="7342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>
                  <a:solidFill>
                    <a:srgbClr val="FF00FF"/>
                  </a:solidFill>
                </a:rPr>
                <a:t>8cm</a:t>
              </a:r>
            </a:p>
          </p:txBody>
        </p:sp>
        <p:sp>
          <p:nvSpPr>
            <p:cNvPr id="84" name="Text Box 50">
              <a:extLst>
                <a:ext uri="{FF2B5EF4-FFF2-40B4-BE49-F238E27FC236}">
                  <a16:creationId xmlns:a16="http://schemas.microsoft.com/office/drawing/2014/main" id="{5317AA4C-3F41-49CE-9444-66CE2B56D07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69276" y="5273549"/>
              <a:ext cx="7342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>
                  <a:solidFill>
                    <a:srgbClr val="FF00FF"/>
                  </a:solidFill>
                </a:rPr>
                <a:t>8cm</a:t>
              </a:r>
            </a:p>
          </p:txBody>
        </p:sp>
        <p:sp>
          <p:nvSpPr>
            <p:cNvPr id="85" name="Text Box 50">
              <a:extLst>
                <a:ext uri="{FF2B5EF4-FFF2-40B4-BE49-F238E27FC236}">
                  <a16:creationId xmlns:a16="http://schemas.microsoft.com/office/drawing/2014/main" id="{74DC280F-013E-4556-ACB3-0123CE64C57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49589" y="4940181"/>
              <a:ext cx="734285" cy="33855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1600" dirty="0">
                  <a:solidFill>
                    <a:srgbClr val="FF00FF"/>
                  </a:solidFill>
                </a:rPr>
                <a:t>8cm</a:t>
              </a:r>
            </a:p>
          </p:txBody>
        </p:sp>
      </p:grpSp>
      <p:sp>
        <p:nvSpPr>
          <p:cNvPr id="25" name="文本框 24">
            <a:extLst>
              <a:ext uri="{FF2B5EF4-FFF2-40B4-BE49-F238E27FC236}">
                <a16:creationId xmlns:a16="http://schemas.microsoft.com/office/drawing/2014/main" id="{739673B1-8928-4F51-B6E2-9F5BB396EBD4}"/>
              </a:ext>
            </a:extLst>
          </p:cNvPr>
          <p:cNvSpPr txBox="1"/>
          <p:nvPr/>
        </p:nvSpPr>
        <p:spPr>
          <a:xfrm>
            <a:off x="5133512" y="5736019"/>
            <a:ext cx="30484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其他正確答案也可接受</a:t>
            </a:r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8111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39 -0.00047 L 0.41232 0.0004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0677" y="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j"/>
  <p:tag name="ISPRING_LMS_API_VERSION" val="SCORM 2004 (4th edition)"/>
  <p:tag name="ISPRING_ULTRA_SCORM_COURCE_TITLE" val="長河小學數學科速效提分試卷"/>
  <p:tag name="ISPRING_ULTRA_SCORM_COURSE_ID" val="F545EBD6-EF69-4A2B-BA7F-03E6AD73D7EA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017E0F6-9155-499E-BC98-23F9AAF024FF}:29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0D29DA-DF04-45A9-9E0E-B556CE96D9F2}:33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DC8110-7458-45BE-B1F5-281B8AC06BC2}:33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E3FF1B-7351-4FFE-94DE-40954CCBC04C}:32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591192-D403-4D21-B41C-B3C8C87E9D9A}:33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0EAFC4-6791-4AC2-A1AA-344D3C23AE8A}:33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B418D6-4AAB-4EEB-9F42-3F34401F89EA}:33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136</Words>
  <Application>Microsoft Office PowerPoint</Application>
  <PresentationFormat>On-screen Show (4:3)</PresentationFormat>
  <Paragraphs>128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0:36Z</dcterms:modified>
</cp:coreProperties>
</file>